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mc:AlternateContent xmlns:mc="http://schemas.openxmlformats.org/markup-compatibility/2006">
    <mc:Choice Requires="x15">
      <x15ac:absPath xmlns:x15ac="http://schemas.microsoft.com/office/spreadsheetml/2010/11/ac" url="\\kfs01\s0520\03 普及Ｇ\04_農業担い手育成事業\17_農福連携\15_ブランド認証基準\05_要領施行\"/>
    </mc:Choice>
  </mc:AlternateContent>
  <xr:revisionPtr revIDLastSave="0" documentId="13_ncr:1_{86E9F4A8-9FF2-41D2-860E-D325C1A16DBF}" xr6:coauthVersionLast="47" xr6:coauthVersionMax="47" xr10:uidLastSave="{00000000-0000-0000-0000-000000000000}"/>
  <bookViews>
    <workbookView xWindow="-108" yWindow="-108" windowWidth="23256" windowHeight="13896" tabRatio="731" xr2:uid="{00000000-000D-0000-FFFF-FFFF00000000}"/>
  </bookViews>
  <sheets>
    <sheet name="1号" sheetId="17" r:id="rId1"/>
  </sheets>
  <definedNames>
    <definedName name="_xlnm.Print_Area" localSheetId="0">'1号'!$A$1:$R$167</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208" uniqueCount="149">
  <si>
    <t>□</t>
    <phoneticPr fontId="2"/>
  </si>
  <si>
    <t>令和</t>
    <rPh sb="0" eb="2">
      <t>レイワ</t>
    </rPh>
    <phoneticPr fontId="2"/>
  </si>
  <si>
    <t>月</t>
    <rPh sb="0" eb="1">
      <t>ガツ</t>
    </rPh>
    <phoneticPr fontId="2"/>
  </si>
  <si>
    <t>日</t>
    <rPh sb="0" eb="1">
      <t>ヒ</t>
    </rPh>
    <phoneticPr fontId="2"/>
  </si>
  <si>
    <t>年</t>
    <rPh sb="0" eb="1">
      <t>ネン</t>
    </rPh>
    <phoneticPr fontId="2"/>
  </si>
  <si>
    <t>　　　　　　　　　　　　　　　　　　　　</t>
    <phoneticPr fontId="2"/>
  </si>
  <si>
    <t>　　　　　　　　　　　　　　　　</t>
    <phoneticPr fontId="2"/>
  </si>
  <si>
    <t>住所又は所在地</t>
  </si>
  <si>
    <t>（別紙様式１）</t>
    <rPh sb="1" eb="3">
      <t>ベッシ</t>
    </rPh>
    <phoneticPr fontId="2"/>
  </si>
  <si>
    <t>かながわともいきアグリ認証申請書</t>
    <rPh sb="11" eb="13">
      <t>ニンショウ</t>
    </rPh>
    <rPh sb="13" eb="16">
      <t>シンセイショ</t>
    </rPh>
    <phoneticPr fontId="2"/>
  </si>
  <si>
    <t>　神奈川県知事　殿</t>
    <rPh sb="1" eb="7">
      <t>カナガワケンチジ</t>
    </rPh>
    <phoneticPr fontId="2"/>
  </si>
  <si>
    <t>　このことについて、次のとおり認証審査を申請します。</t>
    <rPh sb="15" eb="17">
      <t>ニンショウ</t>
    </rPh>
    <rPh sb="17" eb="19">
      <t>シンサ</t>
    </rPh>
    <phoneticPr fontId="2"/>
  </si>
  <si>
    <t>連絡先</t>
    <rPh sb="0" eb="3">
      <t>レンラクサキ</t>
    </rPh>
    <phoneticPr fontId="2"/>
  </si>
  <si>
    <t>E-mail</t>
    <phoneticPr fontId="2"/>
  </si>
  <si>
    <t>代表者名</t>
    <rPh sb="0" eb="3">
      <t>ダイヒョウシャ</t>
    </rPh>
    <rPh sb="3" eb="4">
      <t>メイ</t>
    </rPh>
    <phoneticPr fontId="2"/>
  </si>
  <si>
    <t>（事業者名）　　　　　　　　</t>
    <rPh sb="1" eb="4">
      <t>ジギョウシャ</t>
    </rPh>
    <rPh sb="4" eb="5">
      <t>メイ</t>
    </rPh>
    <phoneticPr fontId="2"/>
  </si>
  <si>
    <t>電話</t>
    <rPh sb="0" eb="2">
      <t>デンワ</t>
    </rPh>
    <phoneticPr fontId="2"/>
  </si>
  <si>
    <t>携帯番号</t>
    <rPh sb="0" eb="2">
      <t>ケイタイ</t>
    </rPh>
    <rPh sb="2" eb="4">
      <t>バンゴウ</t>
    </rPh>
    <phoneticPr fontId="2"/>
  </si>
  <si>
    <t>FAX</t>
    <phoneticPr fontId="2"/>
  </si>
  <si>
    <t>家族</t>
    <rPh sb="0" eb="2">
      <t>カゾク</t>
    </rPh>
    <phoneticPr fontId="2"/>
  </si>
  <si>
    <t>計</t>
    <rPh sb="0" eb="1">
      <t>ケイ</t>
    </rPh>
    <phoneticPr fontId="2"/>
  </si>
  <si>
    <t>人数</t>
    <rPh sb="0" eb="2">
      <t>ニンズウ</t>
    </rPh>
    <phoneticPr fontId="2"/>
  </si>
  <si>
    <t>延べ</t>
    <rPh sb="0" eb="1">
      <t>ノ</t>
    </rPh>
    <phoneticPr fontId="2"/>
  </si>
  <si>
    <t>※農業従事日数は、１日の労働時間を８時間で換算。</t>
    <phoneticPr fontId="2"/>
  </si>
  <si>
    <t>経営耕地</t>
    <rPh sb="0" eb="2">
      <t>ケイエイ</t>
    </rPh>
    <rPh sb="2" eb="4">
      <t>コウチ</t>
    </rPh>
    <phoneticPr fontId="2"/>
  </si>
  <si>
    <t>普通畑</t>
    <rPh sb="0" eb="2">
      <t>フツウ</t>
    </rPh>
    <rPh sb="2" eb="3">
      <t>ハタケ</t>
    </rPh>
    <phoneticPr fontId="2"/>
  </si>
  <si>
    <t>樹園地</t>
    <rPh sb="0" eb="3">
      <t>ジュエンチ</t>
    </rPh>
    <phoneticPr fontId="2"/>
  </si>
  <si>
    <t>果樹</t>
    <rPh sb="0" eb="2">
      <t>カジュ</t>
    </rPh>
    <phoneticPr fontId="2"/>
  </si>
  <si>
    <t>茶園等</t>
    <rPh sb="0" eb="2">
      <t>チャエン</t>
    </rPh>
    <rPh sb="2" eb="3">
      <t>トウ</t>
    </rPh>
    <phoneticPr fontId="2"/>
  </si>
  <si>
    <t>（１）経営体名称</t>
    <rPh sb="3" eb="6">
      <t>ケイエイタイ</t>
    </rPh>
    <rPh sb="6" eb="8">
      <t>メイショウ</t>
    </rPh>
    <phoneticPr fontId="2"/>
  </si>
  <si>
    <t>（２）営農地の所在市町村</t>
    <rPh sb="3" eb="6">
      <t>エイノウチ</t>
    </rPh>
    <rPh sb="7" eb="9">
      <t>ショザイ</t>
    </rPh>
    <rPh sb="9" eb="12">
      <t>シチョウソン</t>
    </rPh>
    <phoneticPr fontId="2"/>
  </si>
  <si>
    <t>水田</t>
    <rPh sb="0" eb="2">
      <t>スイデン</t>
    </rPh>
    <phoneticPr fontId="2"/>
  </si>
  <si>
    <t>耕地計</t>
    <rPh sb="0" eb="2">
      <t>コウチ</t>
    </rPh>
    <rPh sb="2" eb="3">
      <t>ケイ</t>
    </rPh>
    <phoneticPr fontId="2"/>
  </si>
  <si>
    <t>露地</t>
    <rPh sb="0" eb="2">
      <t>ロジ</t>
    </rPh>
    <phoneticPr fontId="2"/>
  </si>
  <si>
    <t>施設</t>
    <rPh sb="0" eb="2">
      <t>シセツ</t>
    </rPh>
    <phoneticPr fontId="2"/>
  </si>
  <si>
    <t>面積（ａ）</t>
    <rPh sb="0" eb="2">
      <t>メンセキ</t>
    </rPh>
    <phoneticPr fontId="2"/>
  </si>
  <si>
    <t>主な品目</t>
    <rPh sb="0" eb="1">
      <t>オモ</t>
    </rPh>
    <rPh sb="2" eb="4">
      <t>ヒンモク</t>
    </rPh>
    <phoneticPr fontId="2"/>
  </si>
  <si>
    <t>日</t>
  </si>
  <si>
    <t>日</t>
    <rPh sb="0" eb="1">
      <t>ニチ</t>
    </rPh>
    <phoneticPr fontId="2"/>
  </si>
  <si>
    <t>区分</t>
    <rPh sb="0" eb="2">
      <t>クブン</t>
    </rPh>
    <phoneticPr fontId="2"/>
  </si>
  <si>
    <t>生産量</t>
    <rPh sb="0" eb="3">
      <t>セイサンリョウ</t>
    </rPh>
    <phoneticPr fontId="2"/>
  </si>
  <si>
    <t>単位：</t>
    <rPh sb="0" eb="2">
      <t>タンイ</t>
    </rPh>
    <phoneticPr fontId="2"/>
  </si>
  <si>
    <t>③主要販売（提供）場所（一般からの問い合わせに対して明示できる店舗名等）</t>
    <phoneticPr fontId="2"/>
  </si>
  <si>
    <t>店舗名</t>
    <rPh sb="0" eb="3">
      <t>テンポメイ</t>
    </rPh>
    <phoneticPr fontId="2"/>
  </si>
  <si>
    <t>所在地（市町村・町名）</t>
    <rPh sb="0" eb="3">
      <t>ショザイチ</t>
    </rPh>
    <rPh sb="4" eb="7">
      <t>シチョウソン</t>
    </rPh>
    <rPh sb="8" eb="10">
      <t>チョウメイ</t>
    </rPh>
    <phoneticPr fontId="2"/>
  </si>
  <si>
    <t>販売時期・期間</t>
    <rPh sb="0" eb="4">
      <t>ハンバイジキ</t>
    </rPh>
    <rPh sb="5" eb="7">
      <t>キカン</t>
    </rPh>
    <phoneticPr fontId="2"/>
  </si>
  <si>
    <t>委託先</t>
    <rPh sb="0" eb="3">
      <t>イタクサキ</t>
    </rPh>
    <phoneticPr fontId="2"/>
  </si>
  <si>
    <t>その他</t>
    <rPh sb="2" eb="3">
      <t>タ</t>
    </rPh>
    <phoneticPr fontId="2"/>
  </si>
  <si>
    <t>（１）基本要件</t>
  </si>
  <si>
    <t>　□生産基準</t>
  </si>
  <si>
    <t>　　　　　□出荷基準</t>
  </si>
  <si>
    <t>　　　　　□その他　（　　　　　　　　　）</t>
  </si>
  <si>
    <t>直接雇用（※雇用契約書を添付）</t>
    <rPh sb="0" eb="2">
      <t>チョクセツ</t>
    </rPh>
    <rPh sb="2" eb="4">
      <t>コヨウ</t>
    </rPh>
    <rPh sb="6" eb="8">
      <t>コヨウ</t>
    </rPh>
    <rPh sb="8" eb="11">
      <t>ケイヤクショ</t>
    </rPh>
    <rPh sb="12" eb="14">
      <t>テンプ</t>
    </rPh>
    <phoneticPr fontId="2"/>
  </si>
  <si>
    <t>農作業受委託（※委託契約書を添付）</t>
    <rPh sb="0" eb="6">
      <t>ノウサギョウジュイタク</t>
    </rPh>
    <rPh sb="8" eb="10">
      <t>イタク</t>
    </rPh>
    <rPh sb="10" eb="13">
      <t>ケイヤクショ</t>
    </rPh>
    <rPh sb="14" eb="16">
      <t>テンプ</t>
    </rPh>
    <phoneticPr fontId="2"/>
  </si>
  <si>
    <t>障害福祉サービス事業所（※定款を添付）</t>
    <rPh sb="0" eb="2">
      <t>ショウガイ</t>
    </rPh>
    <rPh sb="2" eb="4">
      <t>フクシ</t>
    </rPh>
    <rPh sb="8" eb="11">
      <t>ジギョウショ</t>
    </rPh>
    <rPh sb="13" eb="15">
      <t>テイカン</t>
    </rPh>
    <rPh sb="16" eb="18">
      <t>テンプ</t>
    </rPh>
    <phoneticPr fontId="2"/>
  </si>
  <si>
    <t>（２）農福連携に係る要件</t>
    <rPh sb="3" eb="5">
      <t>ノウフク</t>
    </rPh>
    <rPh sb="5" eb="7">
      <t>レンケイ</t>
    </rPh>
    <rPh sb="8" eb="9">
      <t>カカ</t>
    </rPh>
    <rPh sb="10" eb="12">
      <t>ヨウケン</t>
    </rPh>
    <phoneticPr fontId="2"/>
  </si>
  <si>
    <t>割合</t>
    <rPh sb="0" eb="2">
      <t>ワリアイ</t>
    </rPh>
    <phoneticPr fontId="2"/>
  </si>
  <si>
    <t>記帳していることを確認し、点検している</t>
  </si>
  <si>
    <t>栽培中農薬不使用のため防除履歴の記帳なし</t>
    <rPh sb="0" eb="3">
      <t>サイバイチュウ</t>
    </rPh>
    <rPh sb="3" eb="5">
      <t>ノウヤク</t>
    </rPh>
    <rPh sb="5" eb="8">
      <t>フシヨウ</t>
    </rPh>
    <rPh sb="11" eb="13">
      <t>ボウジョ</t>
    </rPh>
    <rPh sb="13" eb="15">
      <t>リレキ</t>
    </rPh>
    <rPh sb="16" eb="18">
      <t>キチョウ</t>
    </rPh>
    <phoneticPr fontId="2"/>
  </si>
  <si>
    <t>チラシ類</t>
    <rPh sb="3" eb="4">
      <t>ルイ</t>
    </rPh>
    <phoneticPr fontId="2"/>
  </si>
  <si>
    <t>その他の媒体（　　　　　　　　　　　　　　　　　）</t>
    <rPh sb="2" eb="3">
      <t>タ</t>
    </rPh>
    <rPh sb="4" eb="6">
      <t>バイタイ</t>
    </rPh>
    <phoneticPr fontId="2"/>
  </si>
  <si>
    <t>雇用契約書</t>
    <rPh sb="0" eb="2">
      <t>コヨウ</t>
    </rPh>
    <rPh sb="2" eb="5">
      <t>ケイヤクショ</t>
    </rPh>
    <phoneticPr fontId="2"/>
  </si>
  <si>
    <t>委託契約書</t>
    <rPh sb="0" eb="2">
      <t>イタク</t>
    </rPh>
    <rPh sb="2" eb="5">
      <t>ケイヤクショ</t>
    </rPh>
    <phoneticPr fontId="2"/>
  </si>
  <si>
    <t>定款</t>
    <rPh sb="0" eb="2">
      <t>テイカン</t>
    </rPh>
    <phoneticPr fontId="2"/>
  </si>
  <si>
    <t>その他（　　　　　　　　　　　　　　　　　　）</t>
    <rPh sb="2" eb="3">
      <t>タ</t>
    </rPh>
    <phoneticPr fontId="2"/>
  </si>
  <si>
    <t>１　認証申請する品目</t>
    <rPh sb="2" eb="4">
      <t>ニンショウ</t>
    </rPh>
    <rPh sb="8" eb="10">
      <t>ヒンモク</t>
    </rPh>
    <phoneticPr fontId="2"/>
  </si>
  <si>
    <t>県がホームページや広報により行う申請書等に記載された内容の公開について</t>
    <rPh sb="9" eb="11">
      <t>コウホウ</t>
    </rPh>
    <rPh sb="16" eb="19">
      <t>シンセイショ</t>
    </rPh>
    <phoneticPr fontId="2"/>
  </si>
  <si>
    <t>承諾する</t>
    <rPh sb="0" eb="2">
      <t>ショウダク</t>
    </rPh>
    <phoneticPr fontId="2"/>
  </si>
  <si>
    <t>承諾しない</t>
    <rPh sb="0" eb="2">
      <t>ショウダク</t>
    </rPh>
    <phoneticPr fontId="2"/>
  </si>
  <si>
    <t>出荷基準</t>
    <rPh sb="0" eb="4">
      <t>シュッカキジュン</t>
    </rPh>
    <phoneticPr fontId="2"/>
  </si>
  <si>
    <t>％（小数点以下切捨）</t>
    <rPh sb="2" eb="7">
      <t>ショウスウテンイカ</t>
    </rPh>
    <rPh sb="7" eb="9">
      <t>キリス</t>
    </rPh>
    <phoneticPr fontId="2"/>
  </si>
  <si>
    <t>衛生管理計画書（農産加工品の場合）</t>
    <rPh sb="0" eb="4">
      <t>エイセイカンリ</t>
    </rPh>
    <rPh sb="4" eb="7">
      <t>ケイカクショ</t>
    </rPh>
    <rPh sb="8" eb="13">
      <t>ノウサンカコウヒン</t>
    </rPh>
    <rPh sb="14" eb="16">
      <t>バアイ</t>
    </rPh>
    <phoneticPr fontId="2"/>
  </si>
  <si>
    <t>生産基準（農作物の場合）</t>
    <rPh sb="0" eb="4">
      <t>セイサンキジュン</t>
    </rPh>
    <rPh sb="5" eb="8">
      <t>ノウサクブツ</t>
    </rPh>
    <rPh sb="9" eb="11">
      <t>バアイ</t>
    </rPh>
    <phoneticPr fontId="2"/>
  </si>
  <si>
    <t>生産基準（※農作物の場合は必須）</t>
    <rPh sb="0" eb="4">
      <t>セイサンキジュン</t>
    </rPh>
    <rPh sb="6" eb="9">
      <t>ノウサクモツ</t>
    </rPh>
    <rPh sb="10" eb="12">
      <t>バアイ</t>
    </rPh>
    <rPh sb="13" eb="15">
      <t>ヒッス</t>
    </rPh>
    <phoneticPr fontId="2"/>
  </si>
  <si>
    <t>出荷基準（※必須）</t>
    <rPh sb="0" eb="2">
      <t>シュッカ</t>
    </rPh>
    <rPh sb="2" eb="4">
      <t>キジュン</t>
    </rPh>
    <rPh sb="6" eb="8">
      <t>ヒッス</t>
    </rPh>
    <phoneticPr fontId="2"/>
  </si>
  <si>
    <t>衛生管理計画書（※農産加工品の場合は必須）</t>
    <rPh sb="0" eb="7">
      <t>エイセイカンリケイカクショ</t>
    </rPh>
    <rPh sb="9" eb="14">
      <t>ノウサンカコウヒン</t>
    </rPh>
    <rPh sb="15" eb="17">
      <t>バアイ</t>
    </rPh>
    <rPh sb="18" eb="20">
      <t>ヒッス</t>
    </rPh>
    <phoneticPr fontId="2"/>
  </si>
  <si>
    <t>（※いずれか１点は必須）</t>
    <rPh sb="7" eb="8">
      <t>テン</t>
    </rPh>
    <rPh sb="9" eb="11">
      <t>ヒッス</t>
    </rPh>
    <phoneticPr fontId="2"/>
  </si>
  <si>
    <t>GAPチェックシート（※必須）</t>
    <rPh sb="12" eb="14">
      <t>ヒッス</t>
    </rPh>
    <phoneticPr fontId="2"/>
  </si>
  <si>
    <t>販売額</t>
    <rPh sb="0" eb="3">
      <t>ハンバイガク</t>
    </rPh>
    <phoneticPr fontId="2"/>
  </si>
  <si>
    <t>障がい者</t>
    <rPh sb="0" eb="1">
      <t>ショウ</t>
    </rPh>
    <rPh sb="3" eb="4">
      <t>シャ</t>
    </rPh>
    <phoneticPr fontId="2"/>
  </si>
  <si>
    <t>容器包装類（シール貼付を含む）</t>
    <rPh sb="0" eb="2">
      <t>ヨウキ</t>
    </rPh>
    <rPh sb="2" eb="5">
      <t>ホウソウルイ</t>
    </rPh>
    <rPh sb="9" eb="11">
      <t>テンプ</t>
    </rPh>
    <rPh sb="12" eb="13">
      <t>フク</t>
    </rPh>
    <phoneticPr fontId="2"/>
  </si>
  <si>
    <t>（４）障がい者との関わり</t>
    <rPh sb="3" eb="4">
      <t>ショウ</t>
    </rPh>
    <rPh sb="6" eb="7">
      <t>シャ</t>
    </rPh>
    <rPh sb="9" eb="10">
      <t>カカ</t>
    </rPh>
    <phoneticPr fontId="2"/>
  </si>
  <si>
    <t>（５）農業従事者（本人も含む）</t>
    <rPh sb="3" eb="5">
      <t>ノウギョウ</t>
    </rPh>
    <rPh sb="5" eb="8">
      <t>ジュウジシャ</t>
    </rPh>
    <rPh sb="9" eb="11">
      <t>ホンニン</t>
    </rPh>
    <rPh sb="12" eb="13">
      <t>フク</t>
    </rPh>
    <phoneticPr fontId="2"/>
  </si>
  <si>
    <t>（６）経営面積</t>
    <rPh sb="3" eb="5">
      <t>ケイエイ</t>
    </rPh>
    <rPh sb="5" eb="7">
      <t>メンセキ</t>
    </rPh>
    <phoneticPr fontId="2"/>
  </si>
  <si>
    <t>（１）生産量</t>
    <rPh sb="3" eb="6">
      <t>セイサンリョウ</t>
    </rPh>
    <phoneticPr fontId="2"/>
  </si>
  <si>
    <t>（令和</t>
    <rPh sb="1" eb="3">
      <t>レイワ</t>
    </rPh>
    <phoneticPr fontId="2"/>
  </si>
  <si>
    <t>①経営全体</t>
    <rPh sb="1" eb="3">
      <t>ケイエイ</t>
    </rPh>
    <rPh sb="3" eb="5">
      <t>ゼンタイ</t>
    </rPh>
    <phoneticPr fontId="2"/>
  </si>
  <si>
    <t>（２）出荷体制</t>
    <rPh sb="3" eb="5">
      <t>シュッカ</t>
    </rPh>
    <rPh sb="5" eb="7">
      <t>タイセイ</t>
    </rPh>
    <phoneticPr fontId="2"/>
  </si>
  <si>
    <t>障がい者が作業しやすい環境等の創出（取組内容を具体的に記入してください）</t>
    <rPh sb="0" eb="1">
      <t>ショウ</t>
    </rPh>
    <rPh sb="3" eb="4">
      <t>シャ</t>
    </rPh>
    <rPh sb="5" eb="7">
      <t>サギョウ</t>
    </rPh>
    <rPh sb="11" eb="13">
      <t>カンキョウ</t>
    </rPh>
    <rPh sb="13" eb="14">
      <t>トウ</t>
    </rPh>
    <rPh sb="15" eb="17">
      <t>ソウシュツ</t>
    </rPh>
    <rPh sb="18" eb="20">
      <t>トリクミ</t>
    </rPh>
    <rPh sb="20" eb="22">
      <t>ナイヨウ</t>
    </rPh>
    <rPh sb="23" eb="26">
      <t>グタイテキ</t>
    </rPh>
    <rPh sb="27" eb="29">
      <t>キニュウ</t>
    </rPh>
    <phoneticPr fontId="2"/>
  </si>
  <si>
    <t>②　防除履歴の記帳状況</t>
    <phoneticPr fontId="2"/>
  </si>
  <si>
    <t>①　一定の品質の確保</t>
    <rPh sb="2" eb="4">
      <t>イッテイ</t>
    </rPh>
    <rPh sb="5" eb="7">
      <t>ヒンシツ</t>
    </rPh>
    <rPh sb="8" eb="10">
      <t>カクホ</t>
    </rPh>
    <phoneticPr fontId="2"/>
  </si>
  <si>
    <t>②　取扱（販売）期間</t>
    <rPh sb="2" eb="3">
      <t>ト</t>
    </rPh>
    <rPh sb="3" eb="4">
      <t>アツカ</t>
    </rPh>
    <rPh sb="5" eb="7">
      <t>ハンバイ</t>
    </rPh>
    <rPh sb="8" eb="10">
      <t>キカン</t>
    </rPh>
    <phoneticPr fontId="2"/>
  </si>
  <si>
    <t>③　出荷（販売）方法</t>
    <phoneticPr fontId="2"/>
  </si>
  <si>
    <t>月から</t>
    <rPh sb="0" eb="1">
      <t>ガツ</t>
    </rPh>
    <phoneticPr fontId="2"/>
  </si>
  <si>
    <t>開始年月：</t>
    <rPh sb="0" eb="2">
      <t>カイシ</t>
    </rPh>
    <rPh sb="2" eb="4">
      <t>ネンガツ</t>
    </rPh>
    <phoneticPr fontId="2"/>
  </si>
  <si>
    <t>□</t>
  </si>
  <si>
    <t>ＧＡＰ（農業生産工程管理手法）に取り組んでおり、ＧＡＰチェックシートを作成している　（※ＧＡＰチェックシートを添付）</t>
    <rPh sb="55" eb="57">
      <t>テンプ</t>
    </rPh>
    <phoneticPr fontId="2"/>
  </si>
  <si>
    <t>市場出荷（主な出荷先卸売市場名を記載）　</t>
    <phoneticPr fontId="2"/>
  </si>
  <si>
    <t>【　　　　　　　　　　　　　　　　　　　　　　　　　　】</t>
    <phoneticPr fontId="2"/>
  </si>
  <si>
    <t>業者への販売（量販店、専門小売店、料理店等への出荷）</t>
    <phoneticPr fontId="2"/>
  </si>
  <si>
    <t>ＪＡ等での販売　</t>
    <phoneticPr fontId="2"/>
  </si>
  <si>
    <t>生産者直売</t>
    <rPh sb="0" eb="3">
      <t>セイサンシャ</t>
    </rPh>
    <rPh sb="3" eb="5">
      <t>チョクバイ</t>
    </rPh>
    <phoneticPr fontId="2"/>
  </si>
  <si>
    <t>宅配　　　　　　　　　　　　　　　　　　　　　　　　　</t>
    <phoneticPr fontId="2"/>
  </si>
  <si>
    <t>その他（イベント即売等具体的に記載）</t>
    <phoneticPr fontId="2"/>
  </si>
  <si>
    <t>月～</t>
    <rPh sb="0" eb="1">
      <t>ガツ</t>
    </rPh>
    <phoneticPr fontId="2"/>
  </si>
  <si>
    <t>①　障がい者が携わった品目の取扱（販売）を開始した時期</t>
    <rPh sb="2" eb="3">
      <t>ショウ</t>
    </rPh>
    <rPh sb="5" eb="6">
      <t>シャ</t>
    </rPh>
    <rPh sb="7" eb="8">
      <t>タズサ</t>
    </rPh>
    <rPh sb="11" eb="13">
      <t>ヒンモク</t>
    </rPh>
    <rPh sb="14" eb="16">
      <t>トリアツカイ</t>
    </rPh>
    <rPh sb="17" eb="19">
      <t>ハンバイ</t>
    </rPh>
    <rPh sb="21" eb="23">
      <t>カイシ</t>
    </rPh>
    <rPh sb="25" eb="27">
      <t>ジキ</t>
    </rPh>
    <phoneticPr fontId="2"/>
  </si>
  <si>
    <t>②　ＧＡＰ（農業生産工程管理手法）の実践</t>
    <rPh sb="18" eb="20">
      <t>ジッセン</t>
    </rPh>
    <phoneticPr fontId="2"/>
  </si>
  <si>
    <t>掲示物（のぼり、ポスター等）</t>
    <rPh sb="0" eb="3">
      <t>ケイジブツ</t>
    </rPh>
    <rPh sb="12" eb="13">
      <t>トウ</t>
    </rPh>
    <phoneticPr fontId="2"/>
  </si>
  <si>
    <t>暴力団（暴力団員による不当な行為の防止等に関する法律第２条第２号に規定する暴力団をいう。以下同じ。）でない</t>
    <phoneticPr fontId="2"/>
  </si>
  <si>
    <t>暴力団又はその構成員（暴力団の構成団体の構成員を含む。以下同じ。）若しくは暴力団の構成員でなくなった日から５年を経過しない者の統制の下にない</t>
    <phoneticPr fontId="2"/>
  </si>
  <si>
    <t>暴力団の構成員又は暴力団の構成員でなくなった日から５年を経過しない者を役員に含まない</t>
    <phoneticPr fontId="2"/>
  </si>
  <si>
    <t>３　経営概要</t>
    <rPh sb="2" eb="4">
      <t>ケイエイ</t>
    </rPh>
    <rPh sb="4" eb="6">
      <t>ガイヨウ</t>
    </rPh>
    <phoneticPr fontId="2"/>
  </si>
  <si>
    <t>４　申請する品目の生産状況</t>
    <rPh sb="2" eb="4">
      <t>シンセイ</t>
    </rPh>
    <rPh sb="6" eb="8">
      <t>ヒンモク</t>
    </rPh>
    <rPh sb="9" eb="11">
      <t>セイサン</t>
    </rPh>
    <rPh sb="11" eb="13">
      <t>ジョウキョウ</t>
    </rPh>
    <phoneticPr fontId="2"/>
  </si>
  <si>
    <t>５　農福連携に係る状況</t>
    <rPh sb="2" eb="4">
      <t>ノウフク</t>
    </rPh>
    <rPh sb="4" eb="6">
      <t>レンケイ</t>
    </rPh>
    <rPh sb="7" eb="8">
      <t>カカ</t>
    </rPh>
    <rPh sb="9" eb="11">
      <t>ジョウキョウ</t>
    </rPh>
    <phoneticPr fontId="2"/>
  </si>
  <si>
    <t>８　情報公開の意思</t>
    <rPh sb="2" eb="6">
      <t>ジョウホウコウカイ</t>
    </rPh>
    <rPh sb="7" eb="9">
      <t>イシ</t>
    </rPh>
    <phoneticPr fontId="2"/>
  </si>
  <si>
    <t>９　暴力団員等に係る確認事項</t>
    <rPh sb="2" eb="6">
      <t>ボウリョクダンイン</t>
    </rPh>
    <rPh sb="6" eb="7">
      <t>トウ</t>
    </rPh>
    <rPh sb="8" eb="9">
      <t>カカ</t>
    </rPh>
    <rPh sb="10" eb="14">
      <t>カクニンジコウ</t>
    </rPh>
    <phoneticPr fontId="2"/>
  </si>
  <si>
    <t>６　認証要件適合状況（該当するものにチェック☑を入れてください）</t>
    <rPh sb="2" eb="4">
      <t>ニンショウ</t>
    </rPh>
    <rPh sb="4" eb="6">
      <t>ヨウケン</t>
    </rPh>
    <rPh sb="6" eb="8">
      <t>テキゴウ</t>
    </rPh>
    <rPh sb="8" eb="10">
      <t>ジョウキョウ</t>
    </rPh>
    <rPh sb="11" eb="13">
      <t>ガイトウ</t>
    </rPh>
    <rPh sb="24" eb="25">
      <t>イ</t>
    </rPh>
    <phoneticPr fontId="2"/>
  </si>
  <si>
    <t>10　添付書類（提出するものにチェック☑を入れてください）</t>
    <rPh sb="3" eb="7">
      <t>テンプショルイ</t>
    </rPh>
    <rPh sb="8" eb="10">
      <t>テイシュツ</t>
    </rPh>
    <rPh sb="21" eb="22">
      <t>イ</t>
    </rPh>
    <phoneticPr fontId="2"/>
  </si>
  <si>
    <t>７　かながわともいきアグリ認証マークの表示方法（予定）</t>
    <rPh sb="13" eb="15">
      <t>ニンショウ</t>
    </rPh>
    <rPh sb="19" eb="21">
      <t>ヒョウジ</t>
    </rPh>
    <rPh sb="21" eb="23">
      <t>ホウホウ</t>
    </rPh>
    <rPh sb="24" eb="26">
      <t>ヨテイ</t>
    </rPh>
    <phoneticPr fontId="2"/>
  </si>
  <si>
    <t>注１：申請する農業経営体が生産した作物名（加工品の場合は加工品名）を記入してください。</t>
    <rPh sb="0" eb="1">
      <t>チュウ</t>
    </rPh>
    <rPh sb="3" eb="5">
      <t>シンセイ</t>
    </rPh>
    <rPh sb="7" eb="12">
      <t>ノウギョウケイエイタイ</t>
    </rPh>
    <rPh sb="13" eb="15">
      <t>セイサン</t>
    </rPh>
    <rPh sb="17" eb="20">
      <t>サクモツメイ</t>
    </rPh>
    <rPh sb="21" eb="24">
      <t>カコウヒン</t>
    </rPh>
    <rPh sb="25" eb="27">
      <t>バアイ</t>
    </rPh>
    <rPh sb="28" eb="31">
      <t>カコウヒン</t>
    </rPh>
    <rPh sb="31" eb="32">
      <t>メイ</t>
    </rPh>
    <rPh sb="34" eb="36">
      <t>キニュウ</t>
    </rPh>
    <phoneticPr fontId="2"/>
  </si>
  <si>
    <t>注２：加工品については、申請する農業経営体が農業生産を行っている場合のみ申請が可能です。（例：農産物を買い取り、加工・製造のみ行っている場合は除外）</t>
    <rPh sb="0" eb="1">
      <t>チュウ</t>
    </rPh>
    <rPh sb="3" eb="6">
      <t>カコウヒン</t>
    </rPh>
    <rPh sb="12" eb="14">
      <t>シンセイ</t>
    </rPh>
    <rPh sb="16" eb="21">
      <t>ノウギョウケイエイタイ</t>
    </rPh>
    <rPh sb="22" eb="26">
      <t>ノウギョウセイサン</t>
    </rPh>
    <rPh sb="27" eb="28">
      <t>オコナ</t>
    </rPh>
    <rPh sb="32" eb="34">
      <t>バアイ</t>
    </rPh>
    <rPh sb="36" eb="38">
      <t>シンセイ</t>
    </rPh>
    <rPh sb="39" eb="41">
      <t>カノウ</t>
    </rPh>
    <rPh sb="45" eb="46">
      <t>レイ</t>
    </rPh>
    <rPh sb="47" eb="50">
      <t>ノウサンブツ</t>
    </rPh>
    <rPh sb="51" eb="52">
      <t>カ</t>
    </rPh>
    <rPh sb="53" eb="54">
      <t>ト</t>
    </rPh>
    <rPh sb="56" eb="58">
      <t>カコウ</t>
    </rPh>
    <rPh sb="59" eb="61">
      <t>セイゾウ</t>
    </rPh>
    <rPh sb="63" eb="64">
      <t>オコナ</t>
    </rPh>
    <rPh sb="68" eb="70">
      <t>バアイ</t>
    </rPh>
    <rPh sb="71" eb="73">
      <t>ジョガイ</t>
    </rPh>
    <phoneticPr fontId="2"/>
  </si>
  <si>
    <t>露地野菜</t>
    <rPh sb="0" eb="4">
      <t>ロジヤサイ</t>
    </rPh>
    <phoneticPr fontId="2"/>
  </si>
  <si>
    <t>施設野菜</t>
    <rPh sb="0" eb="2">
      <t>シセツ</t>
    </rPh>
    <rPh sb="2" eb="4">
      <t>ヤサイ</t>
    </rPh>
    <phoneticPr fontId="2"/>
  </si>
  <si>
    <t>露地果樹</t>
    <rPh sb="0" eb="4">
      <t>ロジカジュ</t>
    </rPh>
    <phoneticPr fontId="2"/>
  </si>
  <si>
    <t>施設果樹</t>
    <rPh sb="0" eb="4">
      <t>シセツカジュ</t>
    </rPh>
    <phoneticPr fontId="2"/>
  </si>
  <si>
    <t>露地花き・花木</t>
    <rPh sb="0" eb="2">
      <t>ロジ</t>
    </rPh>
    <rPh sb="2" eb="3">
      <t>カ</t>
    </rPh>
    <rPh sb="5" eb="6">
      <t>カ</t>
    </rPh>
    <rPh sb="6" eb="7">
      <t>キ</t>
    </rPh>
    <phoneticPr fontId="2"/>
  </si>
  <si>
    <t>施設花き・花木</t>
    <rPh sb="0" eb="2">
      <t>シセツ</t>
    </rPh>
    <rPh sb="2" eb="3">
      <t>カ</t>
    </rPh>
    <rPh sb="5" eb="6">
      <t>カ</t>
    </rPh>
    <rPh sb="6" eb="7">
      <t>キ</t>
    </rPh>
    <phoneticPr fontId="2"/>
  </si>
  <si>
    <t>（３）営農類型（複合経営の場合は、複数選択）</t>
    <rPh sb="3" eb="5">
      <t>エイノウ</t>
    </rPh>
    <rPh sb="5" eb="7">
      <t>ルイケイ</t>
    </rPh>
    <rPh sb="8" eb="10">
      <t>フクゴウ</t>
    </rPh>
    <rPh sb="10" eb="12">
      <t>ケイエイ</t>
    </rPh>
    <rPh sb="13" eb="15">
      <t>バアイ</t>
    </rPh>
    <rPh sb="17" eb="19">
      <t>フクスウ</t>
    </rPh>
    <rPh sb="19" eb="21">
      <t>センタク</t>
    </rPh>
    <phoneticPr fontId="2"/>
  </si>
  <si>
    <t>水稲</t>
    <rPh sb="0" eb="2">
      <t>スイトウ</t>
    </rPh>
    <phoneticPr fontId="2"/>
  </si>
  <si>
    <t>麦類</t>
    <rPh sb="0" eb="2">
      <t>ムギルイ</t>
    </rPh>
    <phoneticPr fontId="2"/>
  </si>
  <si>
    <t>雑穀・いも類・豆類</t>
    <rPh sb="0" eb="2">
      <t>ザッコク</t>
    </rPh>
    <rPh sb="5" eb="6">
      <t>ルイ</t>
    </rPh>
    <rPh sb="7" eb="8">
      <t>マメ</t>
    </rPh>
    <rPh sb="8" eb="9">
      <t>ルイ</t>
    </rPh>
    <phoneticPr fontId="2"/>
  </si>
  <si>
    <t>常時雇</t>
    <rPh sb="0" eb="3">
      <t>ジョウジヤトイ</t>
    </rPh>
    <phoneticPr fontId="2"/>
  </si>
  <si>
    <t>臨時雇</t>
    <rPh sb="0" eb="2">
      <t>リンジ</t>
    </rPh>
    <rPh sb="2" eb="3">
      <t>ヤト</t>
    </rPh>
    <phoneticPr fontId="2"/>
  </si>
  <si>
    <t>②申請する品目（　　　　　）</t>
    <rPh sb="1" eb="3">
      <t>シンセイ</t>
    </rPh>
    <rPh sb="5" eb="7">
      <t>ヒンモク</t>
    </rPh>
    <phoneticPr fontId="2"/>
  </si>
  <si>
    <t>期間</t>
    <rPh sb="0" eb="2">
      <t>キカン</t>
    </rPh>
    <phoneticPr fontId="2"/>
  </si>
  <si>
    <t>２　安全性や品質、特徴、こだわりなどを具体的かつ詳細に記入してください。</t>
    <rPh sb="6" eb="8">
      <t>ヒンシツ</t>
    </rPh>
    <rPh sb="9" eb="11">
      <t>トクチョウ</t>
    </rPh>
    <rPh sb="19" eb="22">
      <t>グタイテキ</t>
    </rPh>
    <rPh sb="24" eb="26">
      <t>ショウサイ</t>
    </rPh>
    <rPh sb="27" eb="29">
      <t>キニュウ</t>
    </rPh>
    <phoneticPr fontId="2"/>
  </si>
  <si>
    <r>
      <t>□直接雇用　　　□特定期間　</t>
    </r>
    <r>
      <rPr>
        <u/>
        <sz val="12"/>
        <rFont val="ＭＳ 明朝"/>
        <family val="1"/>
        <charset val="128"/>
      </rPr>
      <t>　　</t>
    </r>
    <r>
      <rPr>
        <sz val="12"/>
        <rFont val="ＭＳ 明朝"/>
        <family val="1"/>
        <charset val="128"/>
      </rPr>
      <t>月（上・中・下）～　</t>
    </r>
    <r>
      <rPr>
        <u/>
        <sz val="12"/>
        <rFont val="ＭＳ 明朝"/>
        <family val="1"/>
        <charset val="128"/>
      </rPr>
      <t>　　</t>
    </r>
    <r>
      <rPr>
        <sz val="12"/>
        <rFont val="ＭＳ 明朝"/>
        <family val="1"/>
        <charset val="128"/>
      </rPr>
      <t>月（上・中・下）</t>
    </r>
    <rPh sb="1" eb="3">
      <t>チョクセツ</t>
    </rPh>
    <rPh sb="3" eb="5">
      <t>コヨウ</t>
    </rPh>
    <phoneticPr fontId="2"/>
  </si>
  <si>
    <t>農業従事日数
（年間）</t>
    <rPh sb="0" eb="2">
      <t>ノウギョウ</t>
    </rPh>
    <rPh sb="2" eb="4">
      <t>ジュウジ</t>
    </rPh>
    <rPh sb="4" eb="6">
      <t>ニッスウ</t>
    </rPh>
    <rPh sb="8" eb="10">
      <t>ネンカン</t>
    </rPh>
    <phoneticPr fontId="2"/>
  </si>
  <si>
    <r>
      <t>直近年</t>
    </r>
    <r>
      <rPr>
        <strike/>
        <sz val="12"/>
        <rFont val="ＭＳ 明朝"/>
        <family val="1"/>
        <charset val="128"/>
      </rPr>
      <t>度</t>
    </r>
    <rPh sb="0" eb="2">
      <t>チョッキン</t>
    </rPh>
    <rPh sb="2" eb="4">
      <t>ネンド</t>
    </rPh>
    <phoneticPr fontId="2"/>
  </si>
  <si>
    <r>
      <t>年</t>
    </r>
    <r>
      <rPr>
        <strike/>
        <sz val="8"/>
        <rFont val="ＭＳ 明朝"/>
        <family val="1"/>
        <charset val="128"/>
      </rPr>
      <t>度</t>
    </r>
    <r>
      <rPr>
        <sz val="8"/>
        <rFont val="ＭＳ 明朝"/>
        <family val="1"/>
        <charset val="128"/>
      </rPr>
      <t>）</t>
    </r>
    <rPh sb="0" eb="2">
      <t>ネンド</t>
    </rPh>
    <phoneticPr fontId="2"/>
  </si>
  <si>
    <r>
      <t>【</t>
    </r>
    <r>
      <rPr>
        <u/>
        <sz val="12"/>
        <rFont val="ＭＳ 明朝"/>
        <family val="1"/>
        <charset val="128"/>
      </rPr>
      <t>　　　　　　　　　　　　　　　　　　　　　　　　　　</t>
    </r>
    <r>
      <rPr>
        <sz val="12"/>
        <rFont val="ＭＳ 明朝"/>
        <family val="1"/>
        <charset val="128"/>
      </rPr>
      <t>】</t>
    </r>
    <phoneticPr fontId="2"/>
  </si>
  <si>
    <t>（※可能な限り、写真や資料を添付してください）</t>
    <rPh sb="2" eb="4">
      <t>カノウ</t>
    </rPh>
    <rPh sb="5" eb="6">
      <t>カギ</t>
    </rPh>
    <rPh sb="8" eb="10">
      <t>シャシン</t>
    </rPh>
    <rPh sb="11" eb="13">
      <t>シリョウ</t>
    </rPh>
    <rPh sb="14" eb="16">
      <t>テンプ</t>
    </rPh>
    <phoneticPr fontId="2"/>
  </si>
  <si>
    <t>①　労働作業日数</t>
    <rPh sb="2" eb="4">
      <t>ロウドウ</t>
    </rPh>
    <rPh sb="4" eb="6">
      <t>サギョウ</t>
    </rPh>
    <rPh sb="6" eb="8">
      <t>ニッスウ</t>
    </rPh>
    <phoneticPr fontId="2"/>
  </si>
  <si>
    <t>申請する品目の生産等に係る総労働日数</t>
    <rPh sb="0" eb="2">
      <t>シンセイ</t>
    </rPh>
    <rPh sb="4" eb="6">
      <t>ヒンモク</t>
    </rPh>
    <rPh sb="7" eb="9">
      <t>セイサン</t>
    </rPh>
    <rPh sb="9" eb="10">
      <t>トウ</t>
    </rPh>
    <rPh sb="11" eb="12">
      <t>カカ</t>
    </rPh>
    <rPh sb="16" eb="18">
      <t>ニッスウ</t>
    </rPh>
    <phoneticPr fontId="2"/>
  </si>
  <si>
    <t>日のうち、</t>
    <rPh sb="0" eb="1">
      <t>ヒ</t>
    </rPh>
    <phoneticPr fontId="2"/>
  </si>
  <si>
    <t>障がい者の作業日数</t>
    <rPh sb="0" eb="1">
      <t>ショウ</t>
    </rPh>
    <rPh sb="3" eb="4">
      <t>シャ</t>
    </rPh>
    <rPh sb="5" eb="7">
      <t>サギョウ</t>
    </rPh>
    <rPh sb="7" eb="9">
      <t>ニッスウ</t>
    </rPh>
    <phoneticPr fontId="2"/>
  </si>
  <si>
    <t>（※品目ごとの労働作業日数表を添付）</t>
    <rPh sb="2" eb="4">
      <t>ヒンモク</t>
    </rPh>
    <rPh sb="7" eb="9">
      <t>ロウドウ</t>
    </rPh>
    <rPh sb="9" eb="11">
      <t>サギョウ</t>
    </rPh>
    <rPh sb="11" eb="13">
      <t>ニッスウ</t>
    </rPh>
    <rPh sb="13" eb="14">
      <t>ヒョウ</t>
    </rPh>
    <rPh sb="15" eb="17">
      <t>テンプ</t>
    </rPh>
    <phoneticPr fontId="2"/>
  </si>
  <si>
    <t>労働作業日数表（※必須）</t>
    <rPh sb="0" eb="2">
      <t>ロウドウ</t>
    </rPh>
    <rPh sb="2" eb="4">
      <t>サギョウ</t>
    </rPh>
    <rPh sb="4" eb="6">
      <t>ニッスウ</t>
    </rPh>
    <rPh sb="6" eb="7">
      <t>ヒョウ</t>
    </rPh>
    <rPh sb="9" eb="11">
      <t>ヒッス</t>
    </rPh>
    <phoneticPr fontId="2"/>
  </si>
  <si>
    <t>（※複数品目を申請する場合は、欄や行を増やすなどして、品目ごとの内容がわかるように記入してください。)</t>
    <rPh sb="15" eb="16">
      <t>ラン</t>
    </rPh>
    <rPh sb="17" eb="18">
      <t>ギョウ</t>
    </rPh>
    <rPh sb="19" eb="20">
      <t>フ</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4">
    <font>
      <sz val="9"/>
      <color theme="1"/>
      <name val="MSPゴシック"/>
      <family val="2"/>
      <charset val="128"/>
    </font>
    <font>
      <sz val="11"/>
      <color theme="1"/>
      <name val="ＭＳ Ｐゴシック"/>
      <family val="2"/>
      <charset val="128"/>
      <scheme val="minor"/>
    </font>
    <font>
      <sz val="6"/>
      <name val="MSPゴシック"/>
      <family val="2"/>
      <charset val="128"/>
    </font>
    <font>
      <sz val="11"/>
      <color indexed="8"/>
      <name val="ＭＳ Ｐゴシック"/>
      <family val="3"/>
      <charset val="128"/>
      <scheme val="minor"/>
    </font>
    <font>
      <u/>
      <sz val="9"/>
      <color theme="10"/>
      <name val="MSPゴシック"/>
      <family val="2"/>
      <charset val="128"/>
    </font>
    <font>
      <sz val="12"/>
      <name val="ＭＳ 明朝"/>
      <family val="1"/>
      <charset val="128"/>
    </font>
    <font>
      <sz val="16"/>
      <name val="ＭＳ 明朝"/>
      <family val="1"/>
      <charset val="128"/>
    </font>
    <font>
      <sz val="10"/>
      <name val="ＭＳ 明朝"/>
      <family val="1"/>
      <charset val="128"/>
    </font>
    <font>
      <sz val="10.5"/>
      <name val="ＭＳ 明朝"/>
      <family val="1"/>
      <charset val="128"/>
    </font>
    <font>
      <u/>
      <sz val="12"/>
      <name val="ＭＳ 明朝"/>
      <family val="1"/>
      <charset val="128"/>
    </font>
    <font>
      <strike/>
      <sz val="12"/>
      <name val="ＭＳ 明朝"/>
      <family val="1"/>
      <charset val="128"/>
    </font>
    <font>
      <sz val="8"/>
      <name val="ＭＳ 明朝"/>
      <family val="1"/>
      <charset val="128"/>
    </font>
    <font>
      <strike/>
      <sz val="8"/>
      <name val="ＭＳ 明朝"/>
      <family val="1"/>
      <charset val="128"/>
    </font>
    <font>
      <b/>
      <sz val="12"/>
      <name val="ＭＳ 明朝"/>
      <family val="1"/>
      <charset val="128"/>
    </font>
  </fonts>
  <fills count="4">
    <fill>
      <patternFill patternType="none"/>
    </fill>
    <fill>
      <patternFill patternType="gray125"/>
    </fill>
    <fill>
      <patternFill patternType="solid">
        <fgColor theme="0" tint="-4.9989318521683403E-2"/>
        <bgColor indexed="64"/>
      </patternFill>
    </fill>
    <fill>
      <patternFill patternType="solid">
        <fgColor theme="0"/>
        <bgColor indexed="64"/>
      </patternFill>
    </fill>
  </fills>
  <borders count="16">
    <border>
      <left/>
      <right/>
      <top/>
      <bottom/>
      <diagonal/>
    </border>
    <border>
      <left/>
      <right/>
      <top/>
      <bottom style="thin">
        <color auto="1"/>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diagonal/>
    </border>
    <border>
      <left style="thin">
        <color auto="1"/>
      </left>
      <right style="thin">
        <color auto="1"/>
      </right>
      <top/>
      <bottom style="thin">
        <color auto="1"/>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style="thin">
        <color auto="1"/>
      </bottom>
      <diagonal/>
    </border>
    <border>
      <left/>
      <right style="thin">
        <color auto="1"/>
      </right>
      <top/>
      <bottom style="thin">
        <color auto="1"/>
      </bottom>
      <diagonal/>
    </border>
    <border>
      <left style="thin">
        <color auto="1"/>
      </left>
      <right/>
      <top/>
      <bottom/>
      <diagonal/>
    </border>
    <border>
      <left/>
      <right style="thin">
        <color auto="1"/>
      </right>
      <top/>
      <bottom/>
      <diagonal/>
    </border>
  </borders>
  <cellStyleXfs count="4">
    <xf numFmtId="0" fontId="0" fillId="0" borderId="0">
      <alignment vertical="center"/>
    </xf>
    <xf numFmtId="0" fontId="3" fillId="0" borderId="0">
      <alignment vertical="center"/>
    </xf>
    <xf numFmtId="0" fontId="1" fillId="0" borderId="0">
      <alignment vertical="center"/>
    </xf>
    <xf numFmtId="0" fontId="4" fillId="0" borderId="0" applyNumberFormat="0" applyFill="0" applyBorder="0" applyAlignment="0" applyProtection="0">
      <alignment vertical="center"/>
    </xf>
  </cellStyleXfs>
  <cellXfs count="96">
    <xf numFmtId="0" fontId="0" fillId="0" borderId="0" xfId="0">
      <alignment vertical="center"/>
    </xf>
    <xf numFmtId="0" fontId="5" fillId="0" borderId="0" xfId="0" applyFont="1" applyAlignment="1">
      <alignment horizontal="left" vertical="center" indent="1"/>
    </xf>
    <xf numFmtId="0" fontId="5" fillId="0" borderId="0" xfId="0" applyFont="1">
      <alignment vertical="center"/>
    </xf>
    <xf numFmtId="0" fontId="5" fillId="0" borderId="0" xfId="0" applyFont="1" applyAlignment="1" applyProtection="1">
      <alignment horizontal="right" vertical="center"/>
      <protection locked="0"/>
    </xf>
    <xf numFmtId="0" fontId="5" fillId="3" borderId="0" xfId="0" applyFont="1" applyFill="1">
      <alignment vertical="center"/>
    </xf>
    <xf numFmtId="0" fontId="5" fillId="0" borderId="0" xfId="0" applyFont="1" applyFill="1">
      <alignment vertical="center"/>
    </xf>
    <xf numFmtId="0" fontId="5" fillId="0" borderId="0" xfId="0" applyFont="1" applyFill="1" applyAlignment="1" applyProtection="1">
      <alignment horizontal="left" vertical="center"/>
      <protection locked="0"/>
    </xf>
    <xf numFmtId="0" fontId="5" fillId="0" borderId="0" xfId="0" applyFont="1" applyFill="1" applyAlignment="1">
      <alignment horizontal="left" vertical="center" indent="1"/>
    </xf>
    <xf numFmtId="0" fontId="5" fillId="3" borderId="0" xfId="0" applyFont="1" applyFill="1" applyAlignment="1">
      <alignment vertical="center"/>
    </xf>
    <xf numFmtId="0" fontId="5" fillId="0" borderId="3" xfId="0" applyFont="1" applyBorder="1" applyAlignment="1">
      <alignment horizontal="center" vertical="center"/>
    </xf>
    <xf numFmtId="0" fontId="5" fillId="0" borderId="5" xfId="0" applyFont="1" applyBorder="1" applyAlignment="1">
      <alignment horizontal="center" vertical="center"/>
    </xf>
    <xf numFmtId="0" fontId="5" fillId="2" borderId="1" xfId="0" applyFont="1" applyFill="1" applyBorder="1" applyAlignment="1">
      <alignment horizontal="center" vertical="center"/>
    </xf>
    <xf numFmtId="0" fontId="5" fillId="0" borderId="0" xfId="0" applyFont="1" applyAlignment="1">
      <alignment horizontal="center" vertical="center"/>
    </xf>
    <xf numFmtId="0" fontId="6" fillId="0" borderId="0" xfId="0" applyFont="1" applyAlignment="1">
      <alignment horizontal="centerContinuous" vertical="center"/>
    </xf>
    <xf numFmtId="0" fontId="5" fillId="0" borderId="0" xfId="0" applyFont="1" applyAlignment="1">
      <alignment horizontal="centerContinuous" vertical="center"/>
    </xf>
    <xf numFmtId="0" fontId="5" fillId="0" borderId="0" xfId="0" applyFont="1" applyAlignment="1">
      <alignment horizontal="right" vertical="center"/>
    </xf>
    <xf numFmtId="49" fontId="5" fillId="0" borderId="0" xfId="0" quotePrefix="1" applyNumberFormat="1" applyFont="1" applyAlignment="1" applyProtection="1">
      <alignment horizontal="center" vertical="center"/>
      <protection locked="0"/>
    </xf>
    <xf numFmtId="49" fontId="5" fillId="0" borderId="0" xfId="0" applyNumberFormat="1" applyFont="1" applyAlignment="1" applyProtection="1">
      <alignment horizontal="center" vertical="center"/>
      <protection locked="0"/>
    </xf>
    <xf numFmtId="0" fontId="7" fillId="0" borderId="0" xfId="0" applyFont="1">
      <alignment vertical="center"/>
    </xf>
    <xf numFmtId="0" fontId="5" fillId="0" borderId="0" xfId="0" applyFont="1" applyAlignment="1">
      <alignment vertical="center" wrapText="1"/>
    </xf>
    <xf numFmtId="0" fontId="5" fillId="2" borderId="0" xfId="0" applyFont="1" applyFill="1" applyAlignment="1" applyProtection="1">
      <alignment vertical="top"/>
      <protection locked="0"/>
    </xf>
    <xf numFmtId="0" fontId="5" fillId="0" borderId="0" xfId="0" applyFont="1" applyAlignment="1" applyProtection="1">
      <alignment vertical="top"/>
      <protection locked="0"/>
    </xf>
    <xf numFmtId="49" fontId="5" fillId="0" borderId="0" xfId="0" applyNumberFormat="1" applyFont="1" applyAlignment="1">
      <alignment horizontal="left" vertical="center"/>
    </xf>
    <xf numFmtId="0" fontId="5" fillId="0" borderId="0" xfId="0" applyFont="1" applyAlignment="1">
      <alignment horizontal="left" vertical="center"/>
    </xf>
    <xf numFmtId="0" fontId="5" fillId="0" borderId="0" xfId="0" applyFont="1" applyFill="1" applyAlignment="1">
      <alignment horizontal="right" vertical="center"/>
    </xf>
    <xf numFmtId="0" fontId="5" fillId="0" borderId="0" xfId="0" applyFont="1" applyAlignment="1">
      <alignment vertical="center"/>
    </xf>
    <xf numFmtId="0" fontId="5" fillId="0" borderId="0" xfId="0" applyFont="1" applyFill="1" applyAlignment="1">
      <alignment horizontal="left" vertical="center" indent="4"/>
    </xf>
    <xf numFmtId="0" fontId="5" fillId="0" borderId="3" xfId="0" applyFont="1" applyBorder="1">
      <alignment vertical="center"/>
    </xf>
    <xf numFmtId="0" fontId="5" fillId="0" borderId="4" xfId="0" applyFont="1" applyBorder="1">
      <alignment vertical="center"/>
    </xf>
    <xf numFmtId="0" fontId="5" fillId="2" borderId="4"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5" xfId="0" applyFont="1" applyFill="1" applyBorder="1" applyAlignment="1">
      <alignment horizontal="center" vertical="center"/>
    </xf>
    <xf numFmtId="0" fontId="5" fillId="0" borderId="0" xfId="0" applyFont="1" applyAlignment="1" applyProtection="1">
      <alignment horizontal="left" vertical="center" indent="1"/>
      <protection locked="0"/>
    </xf>
    <xf numFmtId="0" fontId="5" fillId="0" borderId="0" xfId="0" applyFont="1" applyProtection="1">
      <alignment vertical="center"/>
      <protection locked="0"/>
    </xf>
    <xf numFmtId="0" fontId="5" fillId="2" borderId="11" xfId="0" applyFont="1" applyFill="1" applyBorder="1" applyAlignment="1">
      <alignment vertical="center"/>
    </xf>
    <xf numFmtId="0" fontId="11" fillId="0" borderId="12" xfId="0" applyFont="1" applyBorder="1" applyAlignment="1" applyProtection="1">
      <alignment vertical="center" wrapText="1"/>
      <protection locked="0"/>
    </xf>
    <xf numFmtId="0" fontId="5" fillId="2" borderId="1" xfId="0" applyFont="1" applyFill="1" applyBorder="1" applyAlignment="1" applyProtection="1">
      <alignment vertical="center" wrapText="1"/>
      <protection locked="0"/>
    </xf>
    <xf numFmtId="0" fontId="11" fillId="0" borderId="13" xfId="0" applyFont="1" applyBorder="1" applyAlignment="1" applyProtection="1">
      <alignment vertical="center" wrapText="1"/>
      <protection locked="0"/>
    </xf>
    <xf numFmtId="0" fontId="5" fillId="0" borderId="0" xfId="0" applyFont="1" applyAlignment="1" applyProtection="1">
      <alignment horizontal="left" vertical="center"/>
      <protection locked="0"/>
    </xf>
    <xf numFmtId="0" fontId="5" fillId="0" borderId="0" xfId="0" applyFont="1" applyAlignment="1">
      <alignment horizontal="left" vertical="center" indent="4"/>
    </xf>
    <xf numFmtId="0" fontId="5" fillId="0" borderId="0" xfId="0" applyFont="1" applyFill="1" applyAlignment="1">
      <alignment horizontal="left" vertical="center"/>
    </xf>
    <xf numFmtId="0" fontId="5" fillId="0" borderId="0" xfId="0" applyFont="1" applyFill="1" applyBorder="1" applyAlignment="1">
      <alignment horizontal="center" vertical="center"/>
    </xf>
    <xf numFmtId="49" fontId="5" fillId="0" borderId="0" xfId="0" applyNumberFormat="1" applyFont="1">
      <alignment vertical="center"/>
    </xf>
    <xf numFmtId="0" fontId="13" fillId="0" borderId="0" xfId="0" applyFont="1">
      <alignment vertical="center"/>
    </xf>
    <xf numFmtId="0" fontId="8" fillId="0" borderId="0" xfId="0" applyFont="1" applyBorder="1" applyAlignment="1" applyProtection="1">
      <alignment horizontal="left" vertical="top" wrapText="1"/>
      <protection locked="0"/>
    </xf>
    <xf numFmtId="0" fontId="5" fillId="2" borderId="9" xfId="0" applyFont="1" applyFill="1" applyBorder="1" applyAlignment="1">
      <alignment horizontal="center" vertical="center"/>
    </xf>
    <xf numFmtId="0" fontId="5" fillId="2" borderId="10"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0" xfId="0" applyFont="1" applyFill="1" applyBorder="1" applyAlignment="1">
      <alignment horizontal="center" vertical="center"/>
    </xf>
    <xf numFmtId="0" fontId="5" fillId="2" borderId="15" xfId="0" applyFont="1" applyFill="1" applyBorder="1" applyAlignment="1">
      <alignment horizontal="center" vertical="center"/>
    </xf>
    <xf numFmtId="0" fontId="5" fillId="2" borderId="12"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13" xfId="0" applyFont="1" applyFill="1" applyBorder="1" applyAlignment="1">
      <alignment horizontal="center" vertical="center"/>
    </xf>
    <xf numFmtId="0" fontId="5" fillId="0" borderId="0" xfId="0" applyFont="1" applyAlignment="1">
      <alignment horizontal="center" vertical="center"/>
    </xf>
    <xf numFmtId="0" fontId="5" fillId="2" borderId="12" xfId="0" applyFont="1" applyFill="1" applyBorder="1" applyAlignment="1" applyProtection="1">
      <alignment horizontal="center" vertical="center"/>
      <protection locked="0"/>
    </xf>
    <xf numFmtId="0" fontId="5" fillId="2" borderId="1" xfId="0" applyFont="1" applyFill="1" applyBorder="1" applyAlignment="1" applyProtection="1">
      <alignment horizontal="center" vertical="center"/>
      <protection locked="0"/>
    </xf>
    <xf numFmtId="0" fontId="5" fillId="2" borderId="13" xfId="0" applyFont="1" applyFill="1" applyBorder="1" applyAlignment="1" applyProtection="1">
      <alignment horizontal="center" vertical="center"/>
      <protection locked="0"/>
    </xf>
    <xf numFmtId="0" fontId="5" fillId="0" borderId="0" xfId="0" applyFont="1" applyAlignment="1">
      <alignment horizontal="left" vertical="center" wrapText="1"/>
    </xf>
    <xf numFmtId="0" fontId="5" fillId="0" borderId="2" xfId="0" applyFont="1" applyBorder="1" applyAlignment="1">
      <alignment horizontal="center" vertical="center" wrapText="1"/>
    </xf>
    <xf numFmtId="0" fontId="5" fillId="0" borderId="0" xfId="0" applyFont="1" applyFill="1" applyAlignment="1">
      <alignment horizontal="left" vertical="center"/>
    </xf>
    <xf numFmtId="0" fontId="5" fillId="0" borderId="3" xfId="0" applyFont="1" applyBorder="1" applyAlignment="1">
      <alignment horizontal="center" vertical="center"/>
    </xf>
    <xf numFmtId="0" fontId="5" fillId="0" borderId="5" xfId="0" applyFont="1" applyBorder="1" applyAlignment="1">
      <alignment horizontal="center" vertical="center"/>
    </xf>
    <xf numFmtId="0" fontId="5" fillId="0" borderId="4" xfId="0" applyFont="1" applyBorder="1" applyAlignment="1">
      <alignment horizontal="center" vertical="center"/>
    </xf>
    <xf numFmtId="0" fontId="5" fillId="2" borderId="3" xfId="0" applyFont="1" applyFill="1" applyBorder="1" applyAlignment="1">
      <alignment horizontal="center" vertical="center"/>
    </xf>
    <xf numFmtId="0" fontId="5" fillId="2" borderId="5" xfId="0" applyFont="1" applyFill="1" applyBorder="1" applyAlignment="1">
      <alignment horizontal="center" vertical="center"/>
    </xf>
    <xf numFmtId="0" fontId="5" fillId="0" borderId="9" xfId="0" applyFont="1" applyBorder="1" applyAlignment="1">
      <alignment horizontal="center" vertical="center"/>
    </xf>
    <xf numFmtId="0" fontId="5" fillId="0" borderId="10" xfId="0" applyFont="1" applyBorder="1" applyAlignment="1">
      <alignment horizontal="center" vertical="center"/>
    </xf>
    <xf numFmtId="0" fontId="5" fillId="0" borderId="11" xfId="0" applyFont="1" applyBorder="1" applyAlignment="1">
      <alignment horizontal="center" vertical="center"/>
    </xf>
    <xf numFmtId="0" fontId="5" fillId="0" borderId="12" xfId="0" applyFont="1" applyBorder="1" applyAlignment="1">
      <alignment horizontal="center" vertical="center"/>
    </xf>
    <xf numFmtId="0" fontId="5" fillId="0" borderId="1" xfId="0" applyFont="1" applyBorder="1" applyAlignment="1">
      <alignment horizontal="center" vertical="center"/>
    </xf>
    <xf numFmtId="0" fontId="5" fillId="0" borderId="13" xfId="0" applyFont="1" applyBorder="1" applyAlignment="1">
      <alignment horizontal="center" vertical="center"/>
    </xf>
    <xf numFmtId="0" fontId="5" fillId="2" borderId="4" xfId="0" applyFont="1" applyFill="1" applyBorder="1" applyAlignment="1">
      <alignment horizontal="center" vertical="center"/>
    </xf>
    <xf numFmtId="0" fontId="5" fillId="0" borderId="0" xfId="0" applyFont="1" applyAlignment="1">
      <alignment horizontal="left" vertical="top" wrapText="1"/>
    </xf>
    <xf numFmtId="0" fontId="5" fillId="2" borderId="2" xfId="0" applyFont="1" applyFill="1" applyBorder="1" applyAlignment="1">
      <alignment horizontal="center" vertical="center"/>
    </xf>
    <xf numFmtId="0" fontId="5" fillId="0" borderId="6" xfId="0" applyFont="1" applyBorder="1" applyAlignment="1" applyProtection="1">
      <alignment horizontal="center" vertical="center" wrapText="1"/>
      <protection locked="0"/>
    </xf>
    <xf numFmtId="0" fontId="5" fillId="0" borderId="2" xfId="0" applyFont="1" applyBorder="1" applyAlignment="1" applyProtection="1">
      <alignment horizontal="center" vertical="center"/>
      <protection locked="0"/>
    </xf>
    <xf numFmtId="0" fontId="5" fillId="0" borderId="2" xfId="0" applyFont="1" applyFill="1" applyBorder="1" applyAlignment="1" applyProtection="1">
      <alignment horizontal="center" vertical="center"/>
      <protection locked="0"/>
    </xf>
    <xf numFmtId="0" fontId="5" fillId="0" borderId="2" xfId="0" applyFont="1" applyFill="1" applyBorder="1" applyAlignment="1">
      <alignment horizontal="center" vertical="center"/>
    </xf>
    <xf numFmtId="0" fontId="5" fillId="2" borderId="6" xfId="0" applyFont="1" applyFill="1" applyBorder="1" applyAlignment="1" applyProtection="1">
      <alignment horizontal="right" vertical="center"/>
      <protection locked="0"/>
    </xf>
    <xf numFmtId="0" fontId="5" fillId="2" borderId="9" xfId="0" applyFont="1" applyFill="1" applyBorder="1" applyAlignment="1" applyProtection="1">
      <alignment horizontal="right" vertical="center"/>
      <protection locked="0"/>
    </xf>
    <xf numFmtId="0" fontId="5" fillId="0" borderId="0" xfId="0" applyFont="1" applyAlignment="1" applyProtection="1">
      <alignment vertical="top" wrapText="1"/>
      <protection locked="0"/>
    </xf>
    <xf numFmtId="0" fontId="5" fillId="0" borderId="9" xfId="0" applyFont="1" applyBorder="1" applyAlignment="1" applyProtection="1">
      <alignment vertical="center" wrapText="1"/>
      <protection locked="0"/>
    </xf>
    <xf numFmtId="0" fontId="5" fillId="0" borderId="10" xfId="0" applyFont="1" applyBorder="1" applyAlignment="1" applyProtection="1">
      <alignment vertical="center" wrapText="1"/>
      <protection locked="0"/>
    </xf>
    <xf numFmtId="0" fontId="5" fillId="0" borderId="11" xfId="0" applyFont="1" applyBorder="1" applyAlignment="1" applyProtection="1">
      <alignment vertical="center" wrapText="1"/>
      <protection locked="0"/>
    </xf>
    <xf numFmtId="0" fontId="5" fillId="0" borderId="12" xfId="0" applyFont="1" applyBorder="1" applyAlignment="1" applyProtection="1">
      <alignment vertical="center" wrapText="1"/>
      <protection locked="0"/>
    </xf>
    <xf numFmtId="0" fontId="5" fillId="0" borderId="1" xfId="0" applyFont="1" applyBorder="1" applyAlignment="1" applyProtection="1">
      <alignment vertical="center" wrapText="1"/>
      <protection locked="0"/>
    </xf>
    <xf numFmtId="0" fontId="5" fillId="0" borderId="13" xfId="0" applyFont="1" applyBorder="1" applyAlignment="1" applyProtection="1">
      <alignment vertical="center" wrapText="1"/>
      <protection locked="0"/>
    </xf>
    <xf numFmtId="0" fontId="5" fillId="0" borderId="3" xfId="0" applyFont="1" applyBorder="1" applyAlignment="1">
      <alignment horizontal="center" vertical="center" wrapText="1"/>
    </xf>
    <xf numFmtId="0" fontId="5" fillId="2" borderId="0" xfId="0" applyFont="1" applyFill="1" applyAlignment="1" applyProtection="1">
      <alignment horizontal="center" vertical="top"/>
      <protection locked="0"/>
    </xf>
    <xf numFmtId="0" fontId="8" fillId="0" borderId="10" xfId="0" applyFont="1" applyBorder="1" applyAlignment="1" applyProtection="1">
      <alignment horizontal="left" vertical="top" wrapText="1"/>
      <protection locked="0"/>
    </xf>
    <xf numFmtId="0" fontId="5" fillId="0" borderId="0" xfId="0" applyFont="1" applyAlignment="1">
      <alignment horizontal="left" vertical="center"/>
    </xf>
    <xf numFmtId="0" fontId="5" fillId="0" borderId="6" xfId="0" applyFont="1" applyBorder="1" applyAlignment="1">
      <alignment horizontal="center" vertical="center" textRotation="255"/>
    </xf>
    <xf numFmtId="0" fontId="5" fillId="0" borderId="7" xfId="0" applyFont="1" applyBorder="1" applyAlignment="1">
      <alignment horizontal="center" vertical="center" textRotation="255"/>
    </xf>
    <xf numFmtId="0" fontId="5" fillId="0" borderId="8" xfId="0" applyFont="1" applyBorder="1" applyAlignment="1">
      <alignment horizontal="center" vertical="center" textRotation="255"/>
    </xf>
    <xf numFmtId="0" fontId="5" fillId="0" borderId="0" xfId="0" applyFont="1" applyAlignment="1">
      <alignment horizontal="right" vertical="center"/>
    </xf>
  </cellXfs>
  <cellStyles count="4">
    <cellStyle name="ハイパーリンク 2" xfId="3" xr:uid="{00000000-0005-0000-0000-000000000000}"/>
    <cellStyle name="標準" xfId="0" builtinId="0"/>
    <cellStyle name="標準 2" xfId="1" xr:uid="{00000000-0005-0000-0000-000002000000}"/>
    <cellStyle name="標準 3" xfId="2" xr:uid="{00000000-0005-0000-0000-000003000000}"/>
  </cellStyles>
  <dxfs count="5">
    <dxf>
      <fill>
        <patternFill>
          <bgColor theme="0" tint="-4.9989318521683403E-2"/>
        </patternFill>
      </fill>
    </dxf>
    <dxf>
      <fill>
        <patternFill>
          <bgColor theme="0" tint="-4.9989318521683403E-2"/>
        </patternFill>
      </fill>
    </dxf>
    <dxf>
      <fill>
        <patternFill>
          <bgColor theme="0" tint="-4.9989318521683403E-2"/>
        </patternFill>
      </fill>
    </dxf>
    <dxf>
      <fill>
        <patternFill>
          <bgColor theme="0" tint="-4.9989318521683403E-2"/>
        </patternFill>
      </fill>
    </dxf>
    <dxf>
      <fill>
        <patternFill>
          <bgColor theme="0" tint="-4.9989318521683403E-2"/>
        </patternFill>
      </fill>
    </dxf>
  </dxfs>
  <tableStyles count="0" defaultTableStyle="TableStyleMedium2" defaultPivotStyle="PivotStyleLight16"/>
  <colors>
    <mruColors>
      <color rgb="FF0000FF"/>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5</xdr:col>
      <xdr:colOff>211667</xdr:colOff>
      <xdr:row>160</xdr:row>
      <xdr:rowOff>59266</xdr:rowOff>
    </xdr:from>
    <xdr:to>
      <xdr:col>5</xdr:col>
      <xdr:colOff>381000</xdr:colOff>
      <xdr:row>162</xdr:row>
      <xdr:rowOff>194733</xdr:rowOff>
    </xdr:to>
    <xdr:sp macro="" textlink="">
      <xdr:nvSpPr>
        <xdr:cNvPr id="2" name="右中かっこ 1">
          <a:extLst>
            <a:ext uri="{FF2B5EF4-FFF2-40B4-BE49-F238E27FC236}">
              <a16:creationId xmlns:a16="http://schemas.microsoft.com/office/drawing/2014/main" id="{3028359C-EC84-1A6D-691E-3EE7584DDD65}"/>
            </a:ext>
          </a:extLst>
        </xdr:cNvPr>
        <xdr:cNvSpPr/>
      </xdr:nvSpPr>
      <xdr:spPr>
        <a:xfrm>
          <a:off x="2159000" y="42815933"/>
          <a:ext cx="169333" cy="643467"/>
        </a:xfrm>
        <a:prstGeom prst="rightBrace">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kern="12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F9A939C-096B-4EEE-9957-7BBF57C9F812}">
  <sheetPr>
    <pageSetUpPr fitToPage="1"/>
  </sheetPr>
  <dimension ref="A1:T170"/>
  <sheetViews>
    <sheetView showGridLines="0" tabSelected="1" view="pageBreakPreview" topLeftCell="A62" zoomScale="90" zoomScaleNormal="100" zoomScaleSheetLayoutView="90" workbookViewId="0">
      <selection activeCell="B76" sqref="B76"/>
    </sheetView>
  </sheetViews>
  <sheetFormatPr defaultColWidth="6.875" defaultRowHeight="19.95" customHeight="1"/>
  <cols>
    <col min="1" max="6" width="6.875" style="2"/>
    <col min="7" max="7" width="8" style="2" bestFit="1" customWidth="1"/>
    <col min="8" max="14" width="6.875" style="2"/>
    <col min="15" max="15" width="6.875" style="2" customWidth="1"/>
    <col min="16" max="18" width="6.875" style="2"/>
    <col min="19" max="19" width="41.5" style="2" customWidth="1"/>
    <col min="20" max="16384" width="6.875" style="2"/>
  </cols>
  <sheetData>
    <row r="1" spans="1:20" ht="19.95" customHeight="1">
      <c r="A1" s="2" t="s">
        <v>8</v>
      </c>
    </row>
    <row r="3" spans="1:20" ht="19.95" customHeight="1">
      <c r="A3" s="13" t="s">
        <v>9</v>
      </c>
      <c r="B3" s="13"/>
      <c r="C3" s="13"/>
      <c r="D3" s="13"/>
      <c r="E3" s="13"/>
      <c r="F3" s="13"/>
      <c r="G3" s="13"/>
      <c r="H3" s="13"/>
      <c r="I3" s="13"/>
      <c r="J3" s="13"/>
      <c r="K3" s="13"/>
      <c r="L3" s="14"/>
      <c r="M3" s="14"/>
      <c r="N3" s="14"/>
      <c r="O3" s="14"/>
      <c r="P3" s="14"/>
      <c r="Q3" s="14"/>
      <c r="R3" s="14"/>
    </row>
    <row r="4" spans="1:20" ht="19.95" customHeight="1">
      <c r="K4" s="15"/>
    </row>
    <row r="5" spans="1:20" ht="19.95" customHeight="1">
      <c r="L5" s="2" t="s">
        <v>1</v>
      </c>
      <c r="M5" s="16"/>
      <c r="N5" s="12" t="s">
        <v>4</v>
      </c>
      <c r="O5" s="17"/>
      <c r="P5" s="12" t="s">
        <v>2</v>
      </c>
      <c r="Q5" s="16"/>
      <c r="R5" s="12" t="s">
        <v>3</v>
      </c>
      <c r="T5" s="18"/>
    </row>
    <row r="7" spans="1:20" ht="19.95" customHeight="1">
      <c r="A7" s="2" t="s">
        <v>10</v>
      </c>
    </row>
    <row r="9" spans="1:20" ht="19.95" customHeight="1">
      <c r="A9" s="2" t="s">
        <v>6</v>
      </c>
      <c r="I9" s="2" t="s">
        <v>7</v>
      </c>
      <c r="L9" s="81"/>
      <c r="M9" s="81"/>
      <c r="N9" s="81"/>
      <c r="O9" s="81"/>
      <c r="P9" s="81"/>
      <c r="Q9" s="81"/>
      <c r="R9" s="81"/>
      <c r="S9" s="19"/>
    </row>
    <row r="10" spans="1:20" ht="19.95" customHeight="1">
      <c r="L10" s="81"/>
      <c r="M10" s="81"/>
      <c r="N10" s="81"/>
      <c r="O10" s="81"/>
      <c r="P10" s="81"/>
      <c r="Q10" s="81"/>
      <c r="R10" s="81"/>
    </row>
    <row r="11" spans="1:20" ht="19.95" customHeight="1">
      <c r="I11" s="2" t="s">
        <v>14</v>
      </c>
      <c r="L11" s="81"/>
      <c r="M11" s="81"/>
      <c r="N11" s="81"/>
      <c r="O11" s="81"/>
      <c r="P11" s="81"/>
      <c r="Q11" s="81"/>
      <c r="R11" s="81"/>
    </row>
    <row r="12" spans="1:20" ht="19.95" customHeight="1">
      <c r="A12" s="2" t="s">
        <v>5</v>
      </c>
      <c r="I12" s="2" t="s">
        <v>15</v>
      </c>
      <c r="K12" s="12"/>
      <c r="L12" s="81"/>
      <c r="M12" s="81"/>
      <c r="N12" s="81"/>
      <c r="O12" s="81"/>
      <c r="P12" s="81"/>
      <c r="Q12" s="81"/>
      <c r="R12" s="81"/>
    </row>
    <row r="13" spans="1:20" ht="19.95" customHeight="1">
      <c r="I13" s="2" t="s">
        <v>12</v>
      </c>
      <c r="L13" s="20" t="s">
        <v>16</v>
      </c>
      <c r="M13" s="20"/>
      <c r="N13" s="89"/>
      <c r="O13" s="89"/>
      <c r="P13" s="89"/>
      <c r="Q13" s="89"/>
      <c r="R13" s="89"/>
    </row>
    <row r="14" spans="1:20" ht="19.95" customHeight="1">
      <c r="L14" s="20" t="s">
        <v>17</v>
      </c>
      <c r="M14" s="20"/>
      <c r="N14" s="89"/>
      <c r="O14" s="89"/>
      <c r="P14" s="89"/>
      <c r="Q14" s="89"/>
      <c r="R14" s="89"/>
    </row>
    <row r="15" spans="1:20" ht="19.95" customHeight="1">
      <c r="L15" s="20" t="s">
        <v>18</v>
      </c>
      <c r="M15" s="20"/>
      <c r="N15" s="89"/>
      <c r="O15" s="89"/>
      <c r="P15" s="89"/>
      <c r="Q15" s="89"/>
      <c r="R15" s="89"/>
    </row>
    <row r="16" spans="1:20" ht="19.95" customHeight="1">
      <c r="L16" s="20" t="s">
        <v>13</v>
      </c>
      <c r="M16" s="20"/>
      <c r="N16" s="89"/>
      <c r="O16" s="89"/>
      <c r="P16" s="89"/>
      <c r="Q16" s="89"/>
      <c r="R16" s="89"/>
    </row>
    <row r="17" spans="1:18" ht="19.95" customHeight="1">
      <c r="L17" s="21"/>
      <c r="M17" s="21"/>
      <c r="N17" s="21"/>
      <c r="O17" s="21"/>
      <c r="P17" s="21"/>
      <c r="Q17" s="21"/>
      <c r="R17" s="21"/>
    </row>
    <row r="18" spans="1:18" ht="19.95" customHeight="1">
      <c r="A18" s="2" t="s">
        <v>11</v>
      </c>
    </row>
    <row r="20" spans="1:18" ht="19.95" customHeight="1">
      <c r="A20" s="22" t="s">
        <v>65</v>
      </c>
      <c r="G20" s="82"/>
      <c r="H20" s="83"/>
      <c r="I20" s="83"/>
      <c r="J20" s="83"/>
      <c r="K20" s="83"/>
      <c r="L20" s="83"/>
      <c r="M20" s="83"/>
      <c r="N20" s="83"/>
      <c r="O20" s="83"/>
      <c r="P20" s="83"/>
      <c r="Q20" s="83"/>
      <c r="R20" s="84"/>
    </row>
    <row r="21" spans="1:18" ht="19.95" customHeight="1">
      <c r="G21" s="85"/>
      <c r="H21" s="86"/>
      <c r="I21" s="86"/>
      <c r="J21" s="86"/>
      <c r="K21" s="86"/>
      <c r="L21" s="86"/>
      <c r="M21" s="86"/>
      <c r="N21" s="86"/>
      <c r="O21" s="86"/>
      <c r="P21" s="86"/>
      <c r="Q21" s="86"/>
      <c r="R21" s="87"/>
    </row>
    <row r="22" spans="1:18" ht="28.95" customHeight="1">
      <c r="G22" s="90" t="s">
        <v>119</v>
      </c>
      <c r="H22" s="90"/>
      <c r="I22" s="90"/>
      <c r="J22" s="90"/>
      <c r="K22" s="90"/>
      <c r="L22" s="90"/>
      <c r="M22" s="90"/>
      <c r="N22" s="90"/>
      <c r="O22" s="90"/>
      <c r="P22" s="90"/>
      <c r="Q22" s="90"/>
      <c r="R22" s="90"/>
    </row>
    <row r="23" spans="1:18" ht="37.200000000000003" customHeight="1">
      <c r="G23" s="44" t="s">
        <v>120</v>
      </c>
      <c r="H23" s="44"/>
      <c r="I23" s="44"/>
      <c r="J23" s="44"/>
      <c r="K23" s="44"/>
      <c r="L23" s="44"/>
      <c r="M23" s="44"/>
      <c r="N23" s="44"/>
      <c r="O23" s="44"/>
      <c r="P23" s="44"/>
      <c r="Q23" s="44"/>
      <c r="R23" s="44"/>
    </row>
    <row r="24" spans="1:18" ht="9" customHeight="1">
      <c r="G24" s="23"/>
      <c r="H24" s="23"/>
      <c r="I24" s="23"/>
      <c r="J24" s="23"/>
      <c r="K24" s="23"/>
      <c r="L24" s="23"/>
      <c r="M24" s="23"/>
      <c r="N24" s="23"/>
      <c r="O24" s="23"/>
      <c r="P24" s="23"/>
      <c r="Q24" s="23"/>
      <c r="R24" s="23"/>
    </row>
    <row r="25" spans="1:18" ht="19.95" customHeight="1">
      <c r="A25" s="2" t="s">
        <v>135</v>
      </c>
      <c r="G25" s="23"/>
      <c r="H25" s="23"/>
      <c r="I25" s="23"/>
      <c r="J25" s="23"/>
      <c r="K25" s="23"/>
      <c r="L25" s="23"/>
      <c r="M25" s="23"/>
      <c r="N25" s="23"/>
      <c r="O25" s="23"/>
      <c r="P25" s="23"/>
      <c r="Q25" s="23"/>
      <c r="R25" s="23"/>
    </row>
    <row r="26" spans="1:18" ht="19.95" customHeight="1">
      <c r="G26" s="45"/>
      <c r="H26" s="46"/>
      <c r="I26" s="46"/>
      <c r="J26" s="46"/>
      <c r="K26" s="46"/>
      <c r="L26" s="46"/>
      <c r="M26" s="46"/>
      <c r="N26" s="46"/>
      <c r="O26" s="46"/>
      <c r="P26" s="46"/>
      <c r="Q26" s="46"/>
      <c r="R26" s="47"/>
    </row>
    <row r="27" spans="1:18" ht="19.95" customHeight="1">
      <c r="G27" s="48"/>
      <c r="H27" s="49"/>
      <c r="I27" s="49"/>
      <c r="J27" s="49"/>
      <c r="K27" s="49"/>
      <c r="L27" s="49"/>
      <c r="M27" s="49"/>
      <c r="N27" s="49"/>
      <c r="O27" s="49"/>
      <c r="P27" s="49"/>
      <c r="Q27" s="49"/>
      <c r="R27" s="50"/>
    </row>
    <row r="28" spans="1:18" ht="19.95" customHeight="1">
      <c r="G28" s="48"/>
      <c r="H28" s="49"/>
      <c r="I28" s="49"/>
      <c r="J28" s="49"/>
      <c r="K28" s="49"/>
      <c r="L28" s="49"/>
      <c r="M28" s="49"/>
      <c r="N28" s="49"/>
      <c r="O28" s="49"/>
      <c r="P28" s="49"/>
      <c r="Q28" s="49"/>
      <c r="R28" s="50"/>
    </row>
    <row r="29" spans="1:18" ht="19.95" customHeight="1">
      <c r="G29" s="48"/>
      <c r="H29" s="49"/>
      <c r="I29" s="49"/>
      <c r="J29" s="49"/>
      <c r="K29" s="49"/>
      <c r="L29" s="49"/>
      <c r="M29" s="49"/>
      <c r="N29" s="49"/>
      <c r="O29" s="49"/>
      <c r="P29" s="49"/>
      <c r="Q29" s="49"/>
      <c r="R29" s="50"/>
    </row>
    <row r="30" spans="1:18" ht="19.95" customHeight="1">
      <c r="G30" s="48"/>
      <c r="H30" s="49"/>
      <c r="I30" s="49"/>
      <c r="J30" s="49"/>
      <c r="K30" s="49"/>
      <c r="L30" s="49"/>
      <c r="M30" s="49"/>
      <c r="N30" s="49"/>
      <c r="O30" s="49"/>
      <c r="P30" s="49"/>
      <c r="Q30" s="49"/>
      <c r="R30" s="50"/>
    </row>
    <row r="31" spans="1:18" ht="19.95" customHeight="1">
      <c r="G31" s="48"/>
      <c r="H31" s="49"/>
      <c r="I31" s="49"/>
      <c r="J31" s="49"/>
      <c r="K31" s="49"/>
      <c r="L31" s="49"/>
      <c r="M31" s="49"/>
      <c r="N31" s="49"/>
      <c r="O31" s="49"/>
      <c r="P31" s="49"/>
      <c r="Q31" s="49"/>
      <c r="R31" s="50"/>
    </row>
    <row r="32" spans="1:18" ht="19.95" customHeight="1">
      <c r="G32" s="51"/>
      <c r="H32" s="52"/>
      <c r="I32" s="52"/>
      <c r="J32" s="52"/>
      <c r="K32" s="52"/>
      <c r="L32" s="52"/>
      <c r="M32" s="52"/>
      <c r="N32" s="52"/>
      <c r="O32" s="52"/>
      <c r="P32" s="52"/>
      <c r="Q32" s="52"/>
      <c r="R32" s="53"/>
    </row>
    <row r="33" spans="1:18" ht="19.95" customHeight="1">
      <c r="G33" s="23"/>
      <c r="H33" s="23"/>
      <c r="I33" s="23"/>
      <c r="J33" s="23"/>
      <c r="K33" s="23"/>
      <c r="L33" s="23"/>
      <c r="M33" s="23"/>
      <c r="N33" s="23"/>
      <c r="O33" s="23"/>
      <c r="P33" s="23"/>
      <c r="Q33" s="23"/>
      <c r="R33" s="23"/>
    </row>
    <row r="34" spans="1:18" ht="19.95" customHeight="1">
      <c r="A34" s="2" t="s">
        <v>111</v>
      </c>
    </row>
    <row r="35" spans="1:18" ht="19.95" customHeight="1">
      <c r="B35" s="2" t="s">
        <v>29</v>
      </c>
      <c r="G35" s="82"/>
      <c r="H35" s="83"/>
      <c r="I35" s="83"/>
      <c r="J35" s="83"/>
      <c r="K35" s="83"/>
      <c r="L35" s="83"/>
      <c r="M35" s="83"/>
      <c r="N35" s="83"/>
      <c r="O35" s="83"/>
      <c r="P35" s="83"/>
      <c r="Q35" s="83"/>
      <c r="R35" s="84"/>
    </row>
    <row r="36" spans="1:18" ht="19.95" customHeight="1">
      <c r="G36" s="85"/>
      <c r="H36" s="86"/>
      <c r="I36" s="86"/>
      <c r="J36" s="86"/>
      <c r="K36" s="86"/>
      <c r="L36" s="86"/>
      <c r="M36" s="86"/>
      <c r="N36" s="86"/>
      <c r="O36" s="86"/>
      <c r="P36" s="86"/>
      <c r="Q36" s="86"/>
      <c r="R36" s="87"/>
    </row>
    <row r="38" spans="1:18" ht="19.95" customHeight="1">
      <c r="B38" s="2" t="s">
        <v>30</v>
      </c>
      <c r="G38" s="82"/>
      <c r="H38" s="83"/>
      <c r="I38" s="83"/>
      <c r="J38" s="83"/>
      <c r="K38" s="83"/>
      <c r="L38" s="83"/>
      <c r="M38" s="83"/>
      <c r="N38" s="83"/>
      <c r="O38" s="83"/>
      <c r="P38" s="83"/>
      <c r="Q38" s="83"/>
      <c r="R38" s="84"/>
    </row>
    <row r="39" spans="1:18" ht="19.95" customHeight="1">
      <c r="G39" s="85"/>
      <c r="H39" s="86"/>
      <c r="I39" s="86"/>
      <c r="J39" s="86"/>
      <c r="K39" s="86"/>
      <c r="L39" s="86"/>
      <c r="M39" s="86"/>
      <c r="N39" s="86"/>
      <c r="O39" s="86"/>
      <c r="P39" s="86"/>
      <c r="Q39" s="86"/>
      <c r="R39" s="87"/>
    </row>
    <row r="41" spans="1:18" ht="19.95" customHeight="1">
      <c r="B41" s="2" t="s">
        <v>127</v>
      </c>
    </row>
    <row r="42" spans="1:18" ht="19.95" customHeight="1">
      <c r="C42" s="24" t="s">
        <v>0</v>
      </c>
      <c r="D42" s="91" t="s">
        <v>121</v>
      </c>
      <c r="E42" s="91"/>
      <c r="F42" s="24" t="s">
        <v>0</v>
      </c>
      <c r="G42" s="91" t="s">
        <v>122</v>
      </c>
      <c r="H42" s="91"/>
      <c r="I42" s="24" t="s">
        <v>0</v>
      </c>
      <c r="J42" s="91" t="s">
        <v>123</v>
      </c>
      <c r="K42" s="91"/>
      <c r="L42" s="24" t="s">
        <v>0</v>
      </c>
      <c r="M42" s="91" t="s">
        <v>124</v>
      </c>
      <c r="N42" s="91"/>
      <c r="O42" s="24" t="s">
        <v>0</v>
      </c>
      <c r="P42" s="91" t="s">
        <v>125</v>
      </c>
      <c r="Q42" s="91"/>
      <c r="R42" s="91"/>
    </row>
    <row r="43" spans="1:18" ht="19.95" customHeight="1">
      <c r="C43" s="24" t="s">
        <v>0</v>
      </c>
      <c r="D43" s="91" t="s">
        <v>126</v>
      </c>
      <c r="E43" s="91"/>
      <c r="F43" s="91"/>
      <c r="G43" s="24" t="s">
        <v>0</v>
      </c>
      <c r="H43" s="25" t="s">
        <v>128</v>
      </c>
      <c r="I43" s="24" t="s">
        <v>0</v>
      </c>
      <c r="J43" s="25" t="s">
        <v>129</v>
      </c>
      <c r="K43" s="24" t="s">
        <v>0</v>
      </c>
      <c r="L43" s="91" t="s">
        <v>130</v>
      </c>
      <c r="M43" s="91"/>
      <c r="N43" s="91"/>
      <c r="O43" s="91"/>
      <c r="Q43" s="25"/>
    </row>
    <row r="44" spans="1:18" ht="19.95" customHeight="1">
      <c r="C44" s="24" t="s">
        <v>0</v>
      </c>
      <c r="D44" s="91" t="s">
        <v>47</v>
      </c>
      <c r="E44" s="91"/>
      <c r="F44" s="52"/>
      <c r="G44" s="52"/>
      <c r="H44" s="52"/>
    </row>
    <row r="46" spans="1:18" s="5" customFormat="1" ht="19.95" customHeight="1">
      <c r="B46" s="5" t="s">
        <v>81</v>
      </c>
    </row>
    <row r="47" spans="1:18" s="5" customFormat="1" ht="19.95" customHeight="1">
      <c r="B47" s="26" t="s">
        <v>136</v>
      </c>
      <c r="C47" s="24" t="s">
        <v>0</v>
      </c>
      <c r="D47" s="7" t="s">
        <v>52</v>
      </c>
    </row>
    <row r="48" spans="1:18" s="5" customFormat="1" ht="19.95" customHeight="1">
      <c r="C48" s="24" t="s">
        <v>0</v>
      </c>
      <c r="D48" s="7" t="s">
        <v>53</v>
      </c>
    </row>
    <row r="49" spans="2:16" s="5" customFormat="1" ht="19.95" customHeight="1">
      <c r="C49" s="24"/>
      <c r="D49" s="7" t="s">
        <v>46</v>
      </c>
      <c r="F49" s="52"/>
      <c r="G49" s="52"/>
      <c r="H49" s="52"/>
      <c r="I49" s="52"/>
      <c r="J49" s="52"/>
      <c r="K49" s="52"/>
      <c r="L49" s="52"/>
      <c r="M49" s="52"/>
      <c r="N49" s="52"/>
    </row>
    <row r="50" spans="2:16" s="5" customFormat="1" ht="19.95" customHeight="1">
      <c r="C50" s="24" t="s">
        <v>0</v>
      </c>
      <c r="D50" s="7" t="s">
        <v>54</v>
      </c>
    </row>
    <row r="51" spans="2:16" s="5" customFormat="1" ht="19.95" customHeight="1">
      <c r="C51" s="24" t="s">
        <v>0</v>
      </c>
      <c r="D51" s="7" t="s">
        <v>47</v>
      </c>
      <c r="F51" s="52"/>
      <c r="G51" s="52"/>
      <c r="H51" s="52"/>
      <c r="I51" s="52"/>
      <c r="J51" s="52"/>
      <c r="K51" s="52"/>
      <c r="L51" s="52"/>
      <c r="M51" s="52"/>
      <c r="N51" s="52"/>
    </row>
    <row r="53" spans="2:16" ht="19.95" customHeight="1">
      <c r="B53" s="2" t="s">
        <v>82</v>
      </c>
    </row>
    <row r="54" spans="2:16" ht="30" customHeight="1">
      <c r="B54" s="27"/>
      <c r="C54" s="28"/>
      <c r="D54" s="61" t="s">
        <v>21</v>
      </c>
      <c r="E54" s="62"/>
      <c r="F54" s="88" t="s">
        <v>137</v>
      </c>
      <c r="G54" s="63"/>
      <c r="H54" s="62"/>
    </row>
    <row r="55" spans="2:16" ht="19.95" customHeight="1">
      <c r="B55" s="27" t="s">
        <v>19</v>
      </c>
      <c r="C55" s="28"/>
      <c r="D55" s="64"/>
      <c r="E55" s="65"/>
      <c r="F55" s="9" t="s">
        <v>22</v>
      </c>
      <c r="G55" s="29"/>
      <c r="H55" s="10" t="s">
        <v>38</v>
      </c>
    </row>
    <row r="56" spans="2:16" ht="19.95" customHeight="1">
      <c r="B56" s="27" t="s">
        <v>131</v>
      </c>
      <c r="C56" s="28"/>
      <c r="D56" s="64"/>
      <c r="E56" s="65"/>
      <c r="F56" s="9" t="s">
        <v>22</v>
      </c>
      <c r="G56" s="29"/>
      <c r="H56" s="10" t="s">
        <v>38</v>
      </c>
    </row>
    <row r="57" spans="2:16" ht="19.95" customHeight="1">
      <c r="B57" s="27" t="s">
        <v>132</v>
      </c>
      <c r="C57" s="28"/>
      <c r="D57" s="64"/>
      <c r="E57" s="65"/>
      <c r="F57" s="9" t="s">
        <v>22</v>
      </c>
      <c r="G57" s="29"/>
      <c r="H57" s="10" t="s">
        <v>37</v>
      </c>
    </row>
    <row r="58" spans="2:16" ht="19.95" customHeight="1">
      <c r="B58" s="27" t="s">
        <v>79</v>
      </c>
      <c r="C58" s="28"/>
      <c r="D58" s="30"/>
      <c r="E58" s="31"/>
      <c r="F58" s="9" t="s">
        <v>22</v>
      </c>
      <c r="G58" s="29"/>
      <c r="H58" s="10" t="s">
        <v>38</v>
      </c>
    </row>
    <row r="59" spans="2:16" ht="19.95" customHeight="1">
      <c r="B59" s="27" t="s">
        <v>20</v>
      </c>
      <c r="C59" s="28"/>
      <c r="D59" s="64"/>
      <c r="E59" s="65"/>
      <c r="F59" s="9" t="s">
        <v>22</v>
      </c>
      <c r="G59" s="29"/>
      <c r="H59" s="10" t="s">
        <v>37</v>
      </c>
    </row>
    <row r="60" spans="2:16" ht="19.95" customHeight="1">
      <c r="B60" s="2" t="s">
        <v>23</v>
      </c>
    </row>
    <row r="62" spans="2:16" ht="19.95" customHeight="1">
      <c r="B62" s="2" t="s">
        <v>83</v>
      </c>
    </row>
    <row r="63" spans="2:16" ht="19.95" customHeight="1">
      <c r="B63" s="66"/>
      <c r="C63" s="67"/>
      <c r="D63" s="67"/>
      <c r="E63" s="68"/>
      <c r="F63" s="61" t="s">
        <v>35</v>
      </c>
      <c r="G63" s="63"/>
      <c r="H63" s="63"/>
      <c r="I63" s="62"/>
      <c r="J63" s="66" t="s">
        <v>36</v>
      </c>
      <c r="K63" s="67"/>
      <c r="L63" s="67"/>
      <c r="M63" s="67"/>
      <c r="N63" s="67"/>
      <c r="O63" s="67"/>
      <c r="P63" s="68"/>
    </row>
    <row r="64" spans="2:16" ht="19.95" customHeight="1">
      <c r="B64" s="69"/>
      <c r="C64" s="70"/>
      <c r="D64" s="70"/>
      <c r="E64" s="71"/>
      <c r="F64" s="61" t="s">
        <v>33</v>
      </c>
      <c r="G64" s="62"/>
      <c r="H64" s="61" t="s">
        <v>34</v>
      </c>
      <c r="I64" s="62"/>
      <c r="J64" s="69"/>
      <c r="K64" s="70"/>
      <c r="L64" s="70"/>
      <c r="M64" s="70"/>
      <c r="N64" s="70"/>
      <c r="O64" s="70"/>
      <c r="P64" s="71"/>
    </row>
    <row r="65" spans="1:16" ht="19.95" customHeight="1">
      <c r="B65" s="92" t="s">
        <v>24</v>
      </c>
      <c r="C65" s="61" t="s">
        <v>25</v>
      </c>
      <c r="D65" s="63"/>
      <c r="E65" s="62"/>
      <c r="F65" s="64"/>
      <c r="G65" s="65"/>
      <c r="H65" s="64"/>
      <c r="I65" s="65"/>
      <c r="J65" s="64"/>
      <c r="K65" s="72"/>
      <c r="L65" s="72"/>
      <c r="M65" s="72"/>
      <c r="N65" s="72"/>
      <c r="O65" s="72"/>
      <c r="P65" s="65"/>
    </row>
    <row r="66" spans="1:16" ht="19.95" customHeight="1">
      <c r="B66" s="93"/>
      <c r="C66" s="92" t="s">
        <v>26</v>
      </c>
      <c r="D66" s="61" t="s">
        <v>27</v>
      </c>
      <c r="E66" s="62"/>
      <c r="F66" s="64"/>
      <c r="G66" s="65"/>
      <c r="H66" s="64"/>
      <c r="I66" s="65"/>
      <c r="J66" s="64"/>
      <c r="K66" s="72"/>
      <c r="L66" s="72"/>
      <c r="M66" s="72"/>
      <c r="N66" s="72"/>
      <c r="O66" s="72"/>
      <c r="P66" s="65"/>
    </row>
    <row r="67" spans="1:16" ht="19.95" customHeight="1">
      <c r="B67" s="93"/>
      <c r="C67" s="93"/>
      <c r="D67" s="61" t="s">
        <v>28</v>
      </c>
      <c r="E67" s="62"/>
      <c r="F67" s="64"/>
      <c r="G67" s="65"/>
      <c r="H67" s="64"/>
      <c r="I67" s="65"/>
      <c r="J67" s="64"/>
      <c r="K67" s="72"/>
      <c r="L67" s="72"/>
      <c r="M67" s="72"/>
      <c r="N67" s="72"/>
      <c r="O67" s="72"/>
      <c r="P67" s="65"/>
    </row>
    <row r="68" spans="1:16" ht="19.95" customHeight="1">
      <c r="B68" s="93"/>
      <c r="C68" s="94"/>
      <c r="D68" s="61" t="s">
        <v>20</v>
      </c>
      <c r="E68" s="62"/>
      <c r="F68" s="64"/>
      <c r="G68" s="65"/>
      <c r="H68" s="64"/>
      <c r="I68" s="65"/>
      <c r="J68" s="64"/>
      <c r="K68" s="72"/>
      <c r="L68" s="72"/>
      <c r="M68" s="72"/>
      <c r="N68" s="72"/>
      <c r="O68" s="72"/>
      <c r="P68" s="65"/>
    </row>
    <row r="69" spans="1:16" ht="19.95" customHeight="1">
      <c r="B69" s="93"/>
      <c r="C69" s="61" t="s">
        <v>31</v>
      </c>
      <c r="D69" s="63"/>
      <c r="E69" s="62"/>
      <c r="F69" s="64"/>
      <c r="G69" s="65"/>
      <c r="H69" s="64"/>
      <c r="I69" s="65"/>
      <c r="J69" s="64"/>
      <c r="K69" s="72"/>
      <c r="L69" s="72"/>
      <c r="M69" s="72"/>
      <c r="N69" s="72"/>
      <c r="O69" s="72"/>
      <c r="P69" s="65"/>
    </row>
    <row r="70" spans="1:16" ht="19.95" customHeight="1">
      <c r="B70" s="94"/>
      <c r="C70" s="61" t="s">
        <v>32</v>
      </c>
      <c r="D70" s="63"/>
      <c r="E70" s="62"/>
      <c r="F70" s="64"/>
      <c r="G70" s="65"/>
      <c r="H70" s="64"/>
      <c r="I70" s="65"/>
      <c r="J70" s="64"/>
      <c r="K70" s="72"/>
      <c r="L70" s="72"/>
      <c r="M70" s="72"/>
      <c r="N70" s="72"/>
      <c r="O70" s="72"/>
      <c r="P70" s="65"/>
    </row>
    <row r="71" spans="1:16" ht="12" customHeight="1"/>
    <row r="72" spans="1:16" ht="19.95" customHeight="1">
      <c r="A72" s="2" t="s">
        <v>112</v>
      </c>
    </row>
    <row r="73" spans="1:16" ht="19.95" customHeight="1">
      <c r="B73" s="73" t="s">
        <v>148</v>
      </c>
      <c r="C73" s="73"/>
      <c r="D73" s="73"/>
      <c r="E73" s="73"/>
      <c r="F73" s="73"/>
      <c r="G73" s="73"/>
      <c r="H73" s="73"/>
      <c r="I73" s="73"/>
      <c r="J73" s="73"/>
      <c r="K73" s="73"/>
      <c r="L73" s="73"/>
      <c r="M73" s="73"/>
      <c r="N73" s="73"/>
      <c r="O73" s="73"/>
      <c r="P73" s="73"/>
    </row>
    <row r="74" spans="1:16" ht="13.2" customHeight="1">
      <c r="B74" s="73"/>
      <c r="C74" s="73"/>
      <c r="D74" s="73"/>
      <c r="E74" s="73"/>
      <c r="F74" s="73"/>
      <c r="G74" s="73"/>
      <c r="H74" s="73"/>
      <c r="I74" s="73"/>
      <c r="J74" s="73"/>
      <c r="K74" s="73"/>
      <c r="L74" s="73"/>
      <c r="M74" s="73"/>
      <c r="N74" s="73"/>
      <c r="O74" s="73"/>
      <c r="P74" s="73"/>
    </row>
    <row r="75" spans="1:16" ht="19.95" customHeight="1">
      <c r="B75" s="2" t="s">
        <v>84</v>
      </c>
      <c r="C75" s="3"/>
      <c r="D75" s="32"/>
      <c r="E75" s="33"/>
    </row>
    <row r="76" spans="1:16" ht="19.95" customHeight="1">
      <c r="C76" s="76" t="s">
        <v>39</v>
      </c>
      <c r="D76" s="76"/>
      <c r="E76" s="76"/>
      <c r="F76" s="61" t="s">
        <v>86</v>
      </c>
      <c r="G76" s="63"/>
      <c r="H76" s="62"/>
      <c r="I76" s="61" t="s">
        <v>133</v>
      </c>
      <c r="J76" s="63"/>
      <c r="K76" s="63"/>
      <c r="L76" s="63"/>
      <c r="M76" s="63"/>
      <c r="N76" s="62"/>
    </row>
    <row r="77" spans="1:16" ht="19.95" customHeight="1">
      <c r="C77" s="76"/>
      <c r="D77" s="76"/>
      <c r="E77" s="76"/>
      <c r="F77" s="78" t="s">
        <v>78</v>
      </c>
      <c r="G77" s="78"/>
      <c r="H77" s="78"/>
      <c r="I77" s="77" t="s">
        <v>40</v>
      </c>
      <c r="J77" s="77"/>
      <c r="K77" s="77"/>
      <c r="L77" s="78" t="s">
        <v>78</v>
      </c>
      <c r="M77" s="78"/>
      <c r="N77" s="78"/>
    </row>
    <row r="78" spans="1:16" ht="19.95" customHeight="1">
      <c r="C78" s="75" t="s">
        <v>138</v>
      </c>
      <c r="D78" s="75"/>
      <c r="E78" s="75"/>
      <c r="F78" s="79" t="s">
        <v>41</v>
      </c>
      <c r="G78" s="80"/>
      <c r="H78" s="34"/>
      <c r="I78" s="79" t="s">
        <v>41</v>
      </c>
      <c r="J78" s="80"/>
      <c r="K78" s="34"/>
      <c r="L78" s="79" t="s">
        <v>41</v>
      </c>
      <c r="M78" s="80"/>
      <c r="N78" s="34"/>
    </row>
    <row r="79" spans="1:16" ht="19.95" customHeight="1">
      <c r="C79" s="35" t="s">
        <v>85</v>
      </c>
      <c r="D79" s="36"/>
      <c r="E79" s="37" t="s">
        <v>139</v>
      </c>
      <c r="F79" s="55"/>
      <c r="G79" s="56"/>
      <c r="H79" s="57"/>
      <c r="I79" s="55"/>
      <c r="J79" s="56"/>
      <c r="K79" s="57"/>
      <c r="L79" s="55"/>
      <c r="M79" s="56"/>
      <c r="N79" s="57"/>
    </row>
    <row r="80" spans="1:16" ht="9" customHeight="1">
      <c r="C80" s="3"/>
      <c r="D80" s="32"/>
      <c r="E80" s="33"/>
    </row>
    <row r="81" spans="2:18" ht="19.95" customHeight="1">
      <c r="B81" s="2" t="s">
        <v>87</v>
      </c>
      <c r="C81" s="3"/>
      <c r="D81" s="1"/>
    </row>
    <row r="82" spans="2:18" s="5" customFormat="1" ht="19.95" customHeight="1">
      <c r="C82" s="6" t="s">
        <v>105</v>
      </c>
      <c r="D82" s="7"/>
    </row>
    <row r="83" spans="2:18" ht="19.95" customHeight="1">
      <c r="D83" s="54" t="s">
        <v>94</v>
      </c>
      <c r="E83" s="54"/>
      <c r="F83" s="52"/>
      <c r="G83" s="52"/>
      <c r="H83" s="2" t="s">
        <v>4</v>
      </c>
      <c r="I83" s="11"/>
      <c r="J83" s="2" t="s">
        <v>93</v>
      </c>
    </row>
    <row r="84" spans="2:18" ht="19.95" customHeight="1">
      <c r="B84" s="23"/>
      <c r="C84" s="38" t="s">
        <v>91</v>
      </c>
      <c r="D84" s="1"/>
    </row>
    <row r="85" spans="2:18" s="5" customFormat="1" ht="19.95" customHeight="1">
      <c r="C85" s="24"/>
      <c r="D85" s="60" t="s">
        <v>134</v>
      </c>
      <c r="E85" s="60"/>
      <c r="F85" s="52"/>
      <c r="G85" s="52"/>
      <c r="H85" s="5" t="s">
        <v>104</v>
      </c>
      <c r="I85" s="52"/>
      <c r="J85" s="52"/>
      <c r="K85" s="5" t="s">
        <v>2</v>
      </c>
    </row>
    <row r="86" spans="2:18" ht="19.95" customHeight="1">
      <c r="C86" s="38" t="s">
        <v>92</v>
      </c>
      <c r="D86" s="1"/>
    </row>
    <row r="87" spans="2:18" ht="19.95" customHeight="1">
      <c r="C87" s="15" t="s">
        <v>0</v>
      </c>
      <c r="D87" s="23" t="s">
        <v>97</v>
      </c>
    </row>
    <row r="88" spans="2:18" ht="19.95" customHeight="1">
      <c r="C88" s="15"/>
      <c r="D88" s="23" t="s">
        <v>98</v>
      </c>
    </row>
    <row r="89" spans="2:18" ht="19.95" customHeight="1">
      <c r="C89" s="15" t="s">
        <v>0</v>
      </c>
      <c r="D89" s="25" t="s">
        <v>99</v>
      </c>
    </row>
    <row r="90" spans="2:18" s="4" customFormat="1" ht="19.95" customHeight="1">
      <c r="C90" s="15" t="s">
        <v>0</v>
      </c>
      <c r="D90" s="8" t="s">
        <v>100</v>
      </c>
    </row>
    <row r="91" spans="2:18" ht="19.95" customHeight="1">
      <c r="C91" s="15" t="s">
        <v>0</v>
      </c>
      <c r="D91" s="25" t="s">
        <v>101</v>
      </c>
    </row>
    <row r="92" spans="2:18" ht="19.95" customHeight="1">
      <c r="C92" s="15" t="s">
        <v>0</v>
      </c>
      <c r="D92" s="25" t="s">
        <v>102</v>
      </c>
    </row>
    <row r="93" spans="2:18" ht="19.95" customHeight="1">
      <c r="C93" s="15" t="s">
        <v>0</v>
      </c>
      <c r="D93" s="25" t="s">
        <v>103</v>
      </c>
    </row>
    <row r="94" spans="2:18" ht="19.95" customHeight="1">
      <c r="D94" s="25" t="s">
        <v>140</v>
      </c>
    </row>
    <row r="95" spans="2:18" ht="19.95" customHeight="1">
      <c r="C95" s="58" t="s">
        <v>42</v>
      </c>
      <c r="D95" s="58"/>
      <c r="E95" s="58"/>
      <c r="F95" s="58"/>
      <c r="G95" s="58"/>
      <c r="H95" s="58"/>
      <c r="I95" s="58"/>
      <c r="J95" s="58"/>
      <c r="K95" s="58"/>
      <c r="L95" s="58"/>
      <c r="M95" s="58"/>
      <c r="N95" s="58"/>
      <c r="O95" s="58"/>
      <c r="P95" s="58"/>
      <c r="Q95" s="58"/>
      <c r="R95" s="19"/>
    </row>
    <row r="96" spans="2:18" ht="19.95" customHeight="1">
      <c r="C96" s="19"/>
      <c r="D96" s="59" t="s">
        <v>43</v>
      </c>
      <c r="E96" s="59"/>
      <c r="F96" s="59"/>
      <c r="G96" s="59"/>
      <c r="H96" s="59" t="s">
        <v>44</v>
      </c>
      <c r="I96" s="59"/>
      <c r="J96" s="59"/>
      <c r="K96" s="59"/>
      <c r="L96" s="59"/>
      <c r="M96" s="59" t="s">
        <v>45</v>
      </c>
      <c r="N96" s="59"/>
      <c r="O96" s="59"/>
      <c r="P96" s="59"/>
      <c r="Q96" s="19"/>
      <c r="R96" s="19"/>
    </row>
    <row r="97" spans="1:16" ht="19.95" customHeight="1">
      <c r="D97" s="74"/>
      <c r="E97" s="74"/>
      <c r="F97" s="74"/>
      <c r="G97" s="74"/>
      <c r="H97" s="74"/>
      <c r="I97" s="74"/>
      <c r="J97" s="74"/>
      <c r="K97" s="74"/>
      <c r="L97" s="74"/>
      <c r="M97" s="74"/>
      <c r="N97" s="74"/>
      <c r="O97" s="74"/>
      <c r="P97" s="74"/>
    </row>
    <row r="98" spans="1:16" ht="19.95" customHeight="1">
      <c r="D98" s="74"/>
      <c r="E98" s="74"/>
      <c r="F98" s="74"/>
      <c r="G98" s="74"/>
      <c r="H98" s="74"/>
      <c r="I98" s="74"/>
      <c r="J98" s="74"/>
      <c r="K98" s="74"/>
      <c r="L98" s="74"/>
      <c r="M98" s="74"/>
      <c r="N98" s="74"/>
      <c r="O98" s="74"/>
      <c r="P98" s="74"/>
    </row>
    <row r="99" spans="1:16" ht="19.95" customHeight="1">
      <c r="D99" s="74"/>
      <c r="E99" s="74"/>
      <c r="F99" s="74"/>
      <c r="G99" s="74"/>
      <c r="H99" s="74"/>
      <c r="I99" s="74"/>
      <c r="J99" s="74"/>
      <c r="K99" s="74"/>
      <c r="L99" s="74"/>
      <c r="M99" s="74"/>
      <c r="N99" s="74"/>
      <c r="O99" s="74"/>
      <c r="P99" s="74"/>
    </row>
    <row r="100" spans="1:16" ht="19.95" customHeight="1">
      <c r="D100" s="74"/>
      <c r="E100" s="74"/>
      <c r="F100" s="74"/>
      <c r="G100" s="74"/>
      <c r="H100" s="74"/>
      <c r="I100" s="74"/>
      <c r="J100" s="74"/>
      <c r="K100" s="74"/>
      <c r="L100" s="74"/>
      <c r="M100" s="74"/>
      <c r="N100" s="74"/>
      <c r="O100" s="74"/>
      <c r="P100" s="74"/>
    </row>
    <row r="101" spans="1:16" ht="19.95" customHeight="1">
      <c r="D101" s="74"/>
      <c r="E101" s="74"/>
      <c r="F101" s="74"/>
      <c r="G101" s="74"/>
      <c r="H101" s="74"/>
      <c r="I101" s="74"/>
      <c r="J101" s="74"/>
      <c r="K101" s="74"/>
      <c r="L101" s="74"/>
      <c r="M101" s="74"/>
      <c r="N101" s="74"/>
      <c r="O101" s="74"/>
      <c r="P101" s="74"/>
    </row>
    <row r="102" spans="1:16" ht="19.95" customHeight="1">
      <c r="D102" s="74"/>
      <c r="E102" s="74"/>
      <c r="F102" s="74"/>
      <c r="G102" s="74"/>
      <c r="H102" s="74"/>
      <c r="I102" s="74"/>
      <c r="J102" s="74"/>
      <c r="K102" s="74"/>
      <c r="L102" s="74"/>
      <c r="M102" s="74"/>
      <c r="N102" s="74"/>
      <c r="O102" s="74"/>
      <c r="P102" s="74"/>
    </row>
    <row r="104" spans="1:16" ht="19.95" customHeight="1">
      <c r="A104" s="2" t="s">
        <v>113</v>
      </c>
    </row>
    <row r="105" spans="1:16" ht="19.95" customHeight="1">
      <c r="B105" s="2" t="s">
        <v>88</v>
      </c>
    </row>
    <row r="106" spans="1:16" ht="19.95" customHeight="1">
      <c r="B106" s="45"/>
      <c r="C106" s="46"/>
      <c r="D106" s="46"/>
      <c r="E106" s="46"/>
      <c r="F106" s="46"/>
      <c r="G106" s="46"/>
      <c r="H106" s="46"/>
      <c r="I106" s="46"/>
      <c r="J106" s="46"/>
      <c r="K106" s="46"/>
      <c r="L106" s="46"/>
      <c r="M106" s="46"/>
      <c r="N106" s="46"/>
      <c r="O106" s="46"/>
      <c r="P106" s="47"/>
    </row>
    <row r="107" spans="1:16" ht="19.95" customHeight="1">
      <c r="B107" s="48"/>
      <c r="C107" s="49"/>
      <c r="D107" s="49"/>
      <c r="E107" s="49"/>
      <c r="F107" s="49"/>
      <c r="G107" s="49"/>
      <c r="H107" s="49"/>
      <c r="I107" s="49"/>
      <c r="J107" s="49"/>
      <c r="K107" s="49"/>
      <c r="L107" s="49"/>
      <c r="M107" s="49"/>
      <c r="N107" s="49"/>
      <c r="O107" s="49"/>
      <c r="P107" s="50"/>
    </row>
    <row r="108" spans="1:16" ht="19.95" customHeight="1">
      <c r="B108" s="48"/>
      <c r="C108" s="49"/>
      <c r="D108" s="49"/>
      <c r="E108" s="49"/>
      <c r="F108" s="49"/>
      <c r="G108" s="49"/>
      <c r="H108" s="49"/>
      <c r="I108" s="49"/>
      <c r="J108" s="49"/>
      <c r="K108" s="49"/>
      <c r="L108" s="49"/>
      <c r="M108" s="49"/>
      <c r="N108" s="49"/>
      <c r="O108" s="49"/>
      <c r="P108" s="50"/>
    </row>
    <row r="109" spans="1:16" ht="19.95" customHeight="1">
      <c r="B109" s="48"/>
      <c r="C109" s="49"/>
      <c r="D109" s="49"/>
      <c r="E109" s="49"/>
      <c r="F109" s="49"/>
      <c r="G109" s="49"/>
      <c r="H109" s="49"/>
      <c r="I109" s="49"/>
      <c r="J109" s="49"/>
      <c r="K109" s="49"/>
      <c r="L109" s="49"/>
      <c r="M109" s="49"/>
      <c r="N109" s="49"/>
      <c r="O109" s="49"/>
      <c r="P109" s="50"/>
    </row>
    <row r="110" spans="1:16" ht="19.95" customHeight="1">
      <c r="B110" s="48"/>
      <c r="C110" s="49"/>
      <c r="D110" s="49"/>
      <c r="E110" s="49"/>
      <c r="F110" s="49"/>
      <c r="G110" s="49"/>
      <c r="H110" s="49"/>
      <c r="I110" s="49"/>
      <c r="J110" s="49"/>
      <c r="K110" s="49"/>
      <c r="L110" s="49"/>
      <c r="M110" s="49"/>
      <c r="N110" s="49"/>
      <c r="O110" s="49"/>
      <c r="P110" s="50"/>
    </row>
    <row r="111" spans="1:16" ht="19.95" customHeight="1">
      <c r="B111" s="48"/>
      <c r="C111" s="49"/>
      <c r="D111" s="49"/>
      <c r="E111" s="49"/>
      <c r="F111" s="49"/>
      <c r="G111" s="49"/>
      <c r="H111" s="49"/>
      <c r="I111" s="49"/>
      <c r="J111" s="49"/>
      <c r="K111" s="49"/>
      <c r="L111" s="49"/>
      <c r="M111" s="49"/>
      <c r="N111" s="49"/>
      <c r="O111" s="49"/>
      <c r="P111" s="50"/>
    </row>
    <row r="112" spans="1:16" ht="19.95" customHeight="1">
      <c r="B112" s="51"/>
      <c r="C112" s="52"/>
      <c r="D112" s="52"/>
      <c r="E112" s="52"/>
      <c r="F112" s="52"/>
      <c r="G112" s="52"/>
      <c r="H112" s="52"/>
      <c r="I112" s="52"/>
      <c r="J112" s="52"/>
      <c r="K112" s="52"/>
      <c r="L112" s="52"/>
      <c r="M112" s="52"/>
      <c r="N112" s="52"/>
      <c r="O112" s="52"/>
      <c r="P112" s="53"/>
    </row>
    <row r="113" spans="1:16" ht="19.95" customHeight="1">
      <c r="B113" s="2" t="s">
        <v>141</v>
      </c>
    </row>
    <row r="115" spans="1:16" ht="19.95" customHeight="1">
      <c r="A115" s="2" t="s">
        <v>116</v>
      </c>
    </row>
    <row r="116" spans="1:16" ht="19.95" customHeight="1">
      <c r="B116" s="23" t="s">
        <v>48</v>
      </c>
    </row>
    <row r="117" spans="1:16" ht="19.95" customHeight="1">
      <c r="B117" s="23"/>
      <c r="C117" s="2" t="s">
        <v>90</v>
      </c>
    </row>
    <row r="118" spans="1:16" ht="19.95" customHeight="1">
      <c r="B118" s="39" t="s">
        <v>49</v>
      </c>
      <c r="C118" s="15" t="s">
        <v>0</v>
      </c>
      <c r="D118" s="1" t="s">
        <v>72</v>
      </c>
    </row>
    <row r="119" spans="1:16" ht="19.95" customHeight="1">
      <c r="B119" s="23" t="s">
        <v>50</v>
      </c>
      <c r="C119" s="15" t="s">
        <v>0</v>
      </c>
      <c r="D119" s="1" t="s">
        <v>69</v>
      </c>
    </row>
    <row r="120" spans="1:16" ht="19.95" customHeight="1">
      <c r="B120" s="23"/>
      <c r="C120" s="15" t="s">
        <v>0</v>
      </c>
      <c r="D120" s="1" t="s">
        <v>71</v>
      </c>
    </row>
    <row r="121" spans="1:16" ht="19.95" customHeight="1">
      <c r="B121" s="23" t="s">
        <v>51</v>
      </c>
      <c r="C121" s="15" t="s">
        <v>0</v>
      </c>
      <c r="D121" s="1" t="s">
        <v>47</v>
      </c>
      <c r="F121" s="52"/>
      <c r="G121" s="52"/>
      <c r="H121" s="52"/>
      <c r="I121" s="52"/>
      <c r="J121" s="52"/>
      <c r="K121" s="52"/>
      <c r="L121" s="52"/>
      <c r="M121" s="52"/>
      <c r="N121" s="52"/>
      <c r="O121" s="52"/>
      <c r="P121" s="52"/>
    </row>
    <row r="122" spans="1:16" s="5" customFormat="1" ht="19.95" customHeight="1">
      <c r="B122" s="40"/>
      <c r="C122" s="24"/>
      <c r="D122" s="7"/>
      <c r="F122" s="41"/>
      <c r="G122" s="41"/>
      <c r="H122" s="41"/>
      <c r="I122" s="41"/>
      <c r="J122" s="41"/>
      <c r="K122" s="41"/>
      <c r="L122" s="41"/>
      <c r="M122" s="41"/>
      <c r="N122" s="41"/>
      <c r="O122" s="41"/>
      <c r="P122" s="41"/>
    </row>
    <row r="123" spans="1:16" ht="19.95" customHeight="1">
      <c r="C123" s="2" t="s">
        <v>89</v>
      </c>
    </row>
    <row r="124" spans="1:16" ht="19.95" customHeight="1">
      <c r="C124" s="15" t="s">
        <v>0</v>
      </c>
      <c r="D124" s="23" t="s">
        <v>57</v>
      </c>
    </row>
    <row r="125" spans="1:16" ht="19.95" customHeight="1">
      <c r="C125" s="15" t="s">
        <v>0</v>
      </c>
      <c r="D125" s="23" t="s">
        <v>58</v>
      </c>
    </row>
    <row r="126" spans="1:16" s="5" customFormat="1" ht="19.95" customHeight="1">
      <c r="B126" s="40"/>
      <c r="C126" s="24"/>
      <c r="D126" s="7"/>
      <c r="F126" s="41"/>
      <c r="G126" s="41"/>
      <c r="H126" s="41"/>
      <c r="I126" s="41"/>
      <c r="J126" s="41"/>
      <c r="K126" s="41"/>
      <c r="L126" s="41"/>
      <c r="M126" s="41"/>
      <c r="N126" s="41"/>
      <c r="O126" s="41"/>
      <c r="P126" s="41"/>
    </row>
    <row r="127" spans="1:16" ht="19.95" customHeight="1">
      <c r="B127" s="2" t="s">
        <v>55</v>
      </c>
    </row>
    <row r="128" spans="1:16" ht="19.95" customHeight="1">
      <c r="C128" s="2" t="s">
        <v>142</v>
      </c>
    </row>
    <row r="129" spans="1:16" ht="19.95" customHeight="1">
      <c r="C129" s="2" t="s">
        <v>143</v>
      </c>
      <c r="J129" s="52"/>
      <c r="K129" s="52"/>
      <c r="L129" s="52"/>
      <c r="M129" s="2" t="s">
        <v>144</v>
      </c>
    </row>
    <row r="130" spans="1:16" ht="19.95" customHeight="1">
      <c r="C130" s="2" t="s">
        <v>145</v>
      </c>
      <c r="J130" s="52"/>
      <c r="K130" s="52"/>
      <c r="L130" s="52"/>
      <c r="M130" s="2" t="s">
        <v>3</v>
      </c>
    </row>
    <row r="131" spans="1:16" ht="19.95" customHeight="1">
      <c r="G131" s="95" t="s">
        <v>56</v>
      </c>
      <c r="H131" s="95"/>
      <c r="I131" s="95"/>
      <c r="J131" s="72"/>
      <c r="K131" s="72"/>
      <c r="L131" s="72"/>
      <c r="M131" s="2" t="s">
        <v>70</v>
      </c>
    </row>
    <row r="132" spans="1:16" ht="19.95" customHeight="1">
      <c r="C132" s="2" t="s">
        <v>146</v>
      </c>
    </row>
    <row r="133" spans="1:16" ht="19.95" customHeight="1">
      <c r="C133" s="15"/>
      <c r="D133" s="1"/>
    </row>
    <row r="134" spans="1:16" ht="19.95" customHeight="1">
      <c r="C134" s="23" t="s">
        <v>106</v>
      </c>
      <c r="D134" s="1"/>
    </row>
    <row r="135" spans="1:16" ht="19.95" customHeight="1">
      <c r="C135" s="15" t="s">
        <v>0</v>
      </c>
      <c r="D135" s="58" t="s">
        <v>96</v>
      </c>
      <c r="E135" s="58"/>
      <c r="F135" s="58"/>
      <c r="G135" s="58"/>
      <c r="H135" s="58"/>
      <c r="I135" s="58"/>
      <c r="J135" s="58"/>
      <c r="K135" s="58"/>
      <c r="L135" s="58"/>
      <c r="M135" s="58"/>
      <c r="N135" s="58"/>
      <c r="O135" s="58"/>
      <c r="P135" s="58"/>
    </row>
    <row r="136" spans="1:16" ht="19.95" customHeight="1">
      <c r="C136" s="15"/>
      <c r="D136" s="58"/>
      <c r="E136" s="58"/>
      <c r="F136" s="58"/>
      <c r="G136" s="58"/>
      <c r="H136" s="58"/>
      <c r="I136" s="58"/>
      <c r="J136" s="58"/>
      <c r="K136" s="58"/>
      <c r="L136" s="58"/>
      <c r="M136" s="58"/>
      <c r="N136" s="58"/>
      <c r="O136" s="58"/>
      <c r="P136" s="58"/>
    </row>
    <row r="137" spans="1:16" ht="19.95" customHeight="1">
      <c r="C137" s="15"/>
      <c r="D137" s="1"/>
    </row>
    <row r="138" spans="1:16" ht="19.95" customHeight="1">
      <c r="A138" s="2" t="s">
        <v>118</v>
      </c>
      <c r="C138" s="15"/>
      <c r="D138" s="1"/>
    </row>
    <row r="139" spans="1:16" ht="19.95" customHeight="1">
      <c r="C139" s="15" t="s">
        <v>0</v>
      </c>
      <c r="D139" s="1" t="s">
        <v>80</v>
      </c>
    </row>
    <row r="140" spans="1:16" ht="19.95" customHeight="1">
      <c r="C140" s="15" t="s">
        <v>0</v>
      </c>
      <c r="D140" s="1" t="s">
        <v>59</v>
      </c>
    </row>
    <row r="141" spans="1:16" ht="19.95" customHeight="1">
      <c r="C141" s="15" t="s">
        <v>0</v>
      </c>
      <c r="D141" s="1" t="s">
        <v>107</v>
      </c>
    </row>
    <row r="142" spans="1:16" ht="19.95" customHeight="1">
      <c r="C142" s="15" t="s">
        <v>0</v>
      </c>
      <c r="D142" s="1" t="s">
        <v>60</v>
      </c>
    </row>
    <row r="143" spans="1:16" ht="19.95" customHeight="1">
      <c r="C143" s="15"/>
      <c r="D143" s="1"/>
    </row>
    <row r="144" spans="1:16" ht="19.95" customHeight="1">
      <c r="A144" s="2" t="s">
        <v>114</v>
      </c>
      <c r="C144" s="15"/>
      <c r="D144" s="1"/>
    </row>
    <row r="145" spans="1:17" ht="19.95" customHeight="1">
      <c r="B145" s="2" t="s">
        <v>66</v>
      </c>
      <c r="C145" s="15"/>
      <c r="D145" s="1"/>
    </row>
    <row r="146" spans="1:17" ht="19.95" customHeight="1">
      <c r="C146" s="15" t="s">
        <v>0</v>
      </c>
      <c r="D146" s="1" t="s">
        <v>67</v>
      </c>
    </row>
    <row r="147" spans="1:17" ht="19.95" customHeight="1">
      <c r="C147" s="15" t="s">
        <v>0</v>
      </c>
      <c r="D147" s="1" t="s">
        <v>68</v>
      </c>
    </row>
    <row r="148" spans="1:17" ht="19.95" customHeight="1">
      <c r="C148" s="15"/>
      <c r="D148" s="1"/>
    </row>
    <row r="149" spans="1:17" ht="19.95" customHeight="1">
      <c r="A149" s="2" t="s">
        <v>115</v>
      </c>
      <c r="C149" s="15"/>
      <c r="D149" s="1"/>
    </row>
    <row r="150" spans="1:17" ht="19.95" customHeight="1">
      <c r="C150" s="15" t="s">
        <v>95</v>
      </c>
      <c r="D150" s="58" t="s">
        <v>108</v>
      </c>
      <c r="E150" s="58"/>
      <c r="F150" s="58"/>
      <c r="G150" s="58"/>
      <c r="H150" s="58"/>
      <c r="I150" s="58"/>
      <c r="J150" s="58"/>
      <c r="K150" s="58"/>
      <c r="L150" s="58"/>
      <c r="M150" s="58"/>
      <c r="N150" s="58"/>
      <c r="O150" s="58"/>
      <c r="P150" s="58"/>
      <c r="Q150" s="58"/>
    </row>
    <row r="151" spans="1:17" ht="19.95" customHeight="1">
      <c r="C151" s="15"/>
      <c r="D151" s="58"/>
      <c r="E151" s="58"/>
      <c r="F151" s="58"/>
      <c r="G151" s="58"/>
      <c r="H151" s="58"/>
      <c r="I151" s="58"/>
      <c r="J151" s="58"/>
      <c r="K151" s="58"/>
      <c r="L151" s="58"/>
      <c r="M151" s="58"/>
      <c r="N151" s="58"/>
      <c r="O151" s="58"/>
      <c r="P151" s="58"/>
      <c r="Q151" s="58"/>
    </row>
    <row r="152" spans="1:17" ht="19.95" customHeight="1">
      <c r="C152" s="15" t="s">
        <v>95</v>
      </c>
      <c r="D152" s="58" t="s">
        <v>109</v>
      </c>
      <c r="E152" s="58"/>
      <c r="F152" s="58"/>
      <c r="G152" s="58"/>
      <c r="H152" s="58"/>
      <c r="I152" s="58"/>
      <c r="J152" s="58"/>
      <c r="K152" s="58"/>
      <c r="L152" s="58"/>
      <c r="M152" s="58"/>
      <c r="N152" s="58"/>
      <c r="O152" s="58"/>
      <c r="P152" s="58"/>
      <c r="Q152" s="58"/>
    </row>
    <row r="153" spans="1:17" ht="19.95" customHeight="1">
      <c r="C153" s="15"/>
      <c r="D153" s="58"/>
      <c r="E153" s="58"/>
      <c r="F153" s="58"/>
      <c r="G153" s="58"/>
      <c r="H153" s="58"/>
      <c r="I153" s="58"/>
      <c r="J153" s="58"/>
      <c r="K153" s="58"/>
      <c r="L153" s="58"/>
      <c r="M153" s="58"/>
      <c r="N153" s="58"/>
      <c r="O153" s="58"/>
      <c r="P153" s="58"/>
      <c r="Q153" s="58"/>
    </row>
    <row r="154" spans="1:17" ht="19.95" customHeight="1">
      <c r="C154" s="15" t="s">
        <v>95</v>
      </c>
      <c r="D154" s="58" t="s">
        <v>110</v>
      </c>
      <c r="E154" s="58"/>
      <c r="F154" s="58"/>
      <c r="G154" s="58"/>
      <c r="H154" s="58"/>
      <c r="I154" s="58"/>
      <c r="J154" s="58"/>
      <c r="K154" s="58"/>
      <c r="L154" s="58"/>
      <c r="M154" s="58"/>
      <c r="N154" s="58"/>
      <c r="O154" s="58"/>
      <c r="P154" s="58"/>
      <c r="Q154" s="58"/>
    </row>
    <row r="155" spans="1:17" ht="19.95" customHeight="1">
      <c r="C155" s="15"/>
      <c r="D155" s="58"/>
      <c r="E155" s="58"/>
      <c r="F155" s="58"/>
      <c r="G155" s="58"/>
      <c r="H155" s="58"/>
      <c r="I155" s="58"/>
      <c r="J155" s="58"/>
      <c r="K155" s="58"/>
      <c r="L155" s="58"/>
      <c r="M155" s="58"/>
      <c r="N155" s="58"/>
      <c r="O155" s="58"/>
      <c r="P155" s="58"/>
      <c r="Q155" s="58"/>
    </row>
    <row r="156" spans="1:17" ht="19.95" customHeight="1">
      <c r="C156" s="15"/>
      <c r="D156" s="1"/>
    </row>
    <row r="157" spans="1:17" ht="19.95" customHeight="1">
      <c r="A157" s="42" t="s">
        <v>117</v>
      </c>
    </row>
    <row r="158" spans="1:17" ht="19.95" customHeight="1">
      <c r="C158" s="15" t="s">
        <v>0</v>
      </c>
      <c r="D158" s="1" t="s">
        <v>73</v>
      </c>
    </row>
    <row r="159" spans="1:17" ht="19.95" customHeight="1">
      <c r="C159" s="15" t="s">
        <v>0</v>
      </c>
      <c r="D159" s="1" t="s">
        <v>74</v>
      </c>
    </row>
    <row r="160" spans="1:17" ht="19.95" customHeight="1">
      <c r="C160" s="15" t="s">
        <v>0</v>
      </c>
      <c r="D160" s="1" t="s">
        <v>75</v>
      </c>
    </row>
    <row r="161" spans="3:18" ht="19.95" customHeight="1">
      <c r="C161" s="15" t="s">
        <v>0</v>
      </c>
      <c r="D161" s="1" t="s">
        <v>61</v>
      </c>
    </row>
    <row r="162" spans="3:18" ht="19.95" customHeight="1">
      <c r="C162" s="15" t="s">
        <v>0</v>
      </c>
      <c r="D162" s="1" t="s">
        <v>62</v>
      </c>
      <c r="G162" s="2" t="s">
        <v>76</v>
      </c>
    </row>
    <row r="163" spans="3:18" ht="19.95" customHeight="1">
      <c r="C163" s="15" t="s">
        <v>0</v>
      </c>
      <c r="D163" s="1" t="s">
        <v>63</v>
      </c>
    </row>
    <row r="164" spans="3:18" ht="19.95" customHeight="1">
      <c r="C164" s="15" t="s">
        <v>0</v>
      </c>
      <c r="D164" s="1" t="s">
        <v>147</v>
      </c>
      <c r="E164" s="19"/>
      <c r="F164" s="19"/>
      <c r="G164" s="19"/>
      <c r="H164" s="19"/>
      <c r="I164" s="19"/>
      <c r="J164" s="19"/>
      <c r="K164" s="19"/>
      <c r="L164" s="19"/>
      <c r="M164" s="19"/>
      <c r="N164" s="19"/>
      <c r="O164" s="19"/>
      <c r="P164" s="19"/>
      <c r="Q164" s="19"/>
      <c r="R164" s="19"/>
    </row>
    <row r="165" spans="3:18" ht="19.95" customHeight="1">
      <c r="C165" s="15" t="s">
        <v>0</v>
      </c>
      <c r="D165" s="1" t="s">
        <v>77</v>
      </c>
      <c r="E165" s="19"/>
      <c r="F165" s="19"/>
      <c r="G165" s="19"/>
      <c r="H165" s="19"/>
      <c r="I165" s="19"/>
      <c r="J165" s="19"/>
      <c r="K165" s="19"/>
      <c r="L165" s="19"/>
      <c r="M165" s="19"/>
      <c r="N165" s="19"/>
      <c r="O165" s="19"/>
      <c r="P165" s="19"/>
      <c r="Q165" s="19"/>
      <c r="R165" s="19"/>
    </row>
    <row r="166" spans="3:18" ht="19.95" customHeight="1">
      <c r="C166" s="15" t="s">
        <v>0</v>
      </c>
      <c r="D166" s="1" t="s">
        <v>64</v>
      </c>
      <c r="M166" s="19"/>
      <c r="N166" s="19"/>
      <c r="O166" s="19"/>
      <c r="P166" s="19"/>
      <c r="Q166" s="19"/>
      <c r="R166" s="19"/>
    </row>
    <row r="167" spans="3:18" ht="19.95" customHeight="1">
      <c r="C167" s="43"/>
    </row>
    <row r="168" spans="3:18" ht="19.95" customHeight="1">
      <c r="C168" s="15"/>
      <c r="D168" s="1"/>
    </row>
    <row r="169" spans="3:18" ht="19.95" customHeight="1">
      <c r="C169" s="15"/>
      <c r="D169" s="1"/>
    </row>
    <row r="170" spans="3:18" ht="19.95" customHeight="1">
      <c r="D170" s="18"/>
    </row>
  </sheetData>
  <sheetProtection selectLockedCells="1"/>
  <mergeCells count="102">
    <mergeCell ref="J66:P66"/>
    <mergeCell ref="J67:P67"/>
    <mergeCell ref="J68:P68"/>
    <mergeCell ref="H66:I66"/>
    <mergeCell ref="H67:I67"/>
    <mergeCell ref="F64:G64"/>
    <mergeCell ref="D150:Q151"/>
    <mergeCell ref="D152:Q153"/>
    <mergeCell ref="D154:Q155"/>
    <mergeCell ref="D135:P136"/>
    <mergeCell ref="H68:I68"/>
    <mergeCell ref="H69:I69"/>
    <mergeCell ref="H70:I70"/>
    <mergeCell ref="F68:G68"/>
    <mergeCell ref="F69:G69"/>
    <mergeCell ref="F70:G70"/>
    <mergeCell ref="J69:P69"/>
    <mergeCell ref="J70:P70"/>
    <mergeCell ref="J129:L129"/>
    <mergeCell ref="J130:L130"/>
    <mergeCell ref="G131:I131"/>
    <mergeCell ref="J131:L131"/>
    <mergeCell ref="D56:E56"/>
    <mergeCell ref="D57:E57"/>
    <mergeCell ref="D59:E59"/>
    <mergeCell ref="B63:E64"/>
    <mergeCell ref="B65:B70"/>
    <mergeCell ref="D68:E68"/>
    <mergeCell ref="C69:E69"/>
    <mergeCell ref="D67:E67"/>
    <mergeCell ref="D66:E66"/>
    <mergeCell ref="C65:E65"/>
    <mergeCell ref="C66:C68"/>
    <mergeCell ref="C70:E70"/>
    <mergeCell ref="L9:R10"/>
    <mergeCell ref="G20:R21"/>
    <mergeCell ref="L11:R12"/>
    <mergeCell ref="D54:E54"/>
    <mergeCell ref="D55:E55"/>
    <mergeCell ref="F54:H54"/>
    <mergeCell ref="G35:R36"/>
    <mergeCell ref="G38:R39"/>
    <mergeCell ref="G26:R32"/>
    <mergeCell ref="F49:N49"/>
    <mergeCell ref="N13:R13"/>
    <mergeCell ref="N14:R14"/>
    <mergeCell ref="N15:R15"/>
    <mergeCell ref="N16:R16"/>
    <mergeCell ref="G22:R22"/>
    <mergeCell ref="L43:O43"/>
    <mergeCell ref="D44:E44"/>
    <mergeCell ref="F44:H44"/>
    <mergeCell ref="M42:N42"/>
    <mergeCell ref="P42:R42"/>
    <mergeCell ref="D42:E42"/>
    <mergeCell ref="G42:H42"/>
    <mergeCell ref="J42:K42"/>
    <mergeCell ref="D43:F43"/>
    <mergeCell ref="C78:E78"/>
    <mergeCell ref="C76:E77"/>
    <mergeCell ref="I77:K77"/>
    <mergeCell ref="L77:N77"/>
    <mergeCell ref="I78:J78"/>
    <mergeCell ref="L78:M78"/>
    <mergeCell ref="F78:G78"/>
    <mergeCell ref="F77:H77"/>
    <mergeCell ref="F76:H76"/>
    <mergeCell ref="I76:N76"/>
    <mergeCell ref="F121:P121"/>
    <mergeCell ref="M97:P98"/>
    <mergeCell ref="M99:P100"/>
    <mergeCell ref="M101:P102"/>
    <mergeCell ref="D97:G98"/>
    <mergeCell ref="D99:G100"/>
    <mergeCell ref="D101:G102"/>
    <mergeCell ref="H97:L98"/>
    <mergeCell ref="H99:L100"/>
    <mergeCell ref="H101:L102"/>
    <mergeCell ref="G23:R23"/>
    <mergeCell ref="B106:P112"/>
    <mergeCell ref="F83:G83"/>
    <mergeCell ref="D83:E83"/>
    <mergeCell ref="I79:K79"/>
    <mergeCell ref="L79:N79"/>
    <mergeCell ref="C95:Q95"/>
    <mergeCell ref="D96:G96"/>
    <mergeCell ref="H96:L96"/>
    <mergeCell ref="M96:P96"/>
    <mergeCell ref="F79:H79"/>
    <mergeCell ref="F85:G85"/>
    <mergeCell ref="I85:J85"/>
    <mergeCell ref="D85:E85"/>
    <mergeCell ref="H64:I64"/>
    <mergeCell ref="F63:I63"/>
    <mergeCell ref="F65:G65"/>
    <mergeCell ref="F66:G66"/>
    <mergeCell ref="F67:G67"/>
    <mergeCell ref="H65:I65"/>
    <mergeCell ref="J63:P64"/>
    <mergeCell ref="J65:P65"/>
    <mergeCell ref="F51:N51"/>
    <mergeCell ref="B73:P74"/>
  </mergeCells>
  <phoneticPr fontId="2"/>
  <conditionalFormatting sqref="G20:R21 G22">
    <cfRule type="containsBlanks" dxfId="4" priority="6">
      <formula>LEN(TRIM(G20))=0</formula>
    </cfRule>
  </conditionalFormatting>
  <conditionalFormatting sqref="G35:R36">
    <cfRule type="containsBlanks" dxfId="3" priority="3">
      <formula>LEN(TRIM(G35))=0</formula>
    </cfRule>
  </conditionalFormatting>
  <conditionalFormatting sqref="G38:R39">
    <cfRule type="containsBlanks" dxfId="2" priority="2">
      <formula>LEN(TRIM(G38))=0</formula>
    </cfRule>
  </conditionalFormatting>
  <conditionalFormatting sqref="L9:R10 L11">
    <cfRule type="containsBlanks" dxfId="1" priority="8">
      <formula>LEN(TRIM(L9))=0</formula>
    </cfRule>
  </conditionalFormatting>
  <conditionalFormatting sqref="M5 O5 Q5">
    <cfRule type="containsBlanks" dxfId="0" priority="4">
      <formula>LEN(TRIM(M5))=0</formula>
    </cfRule>
  </conditionalFormatting>
  <dataValidations count="1">
    <dataValidation type="list" allowBlank="1" showInputMessage="1" showErrorMessage="1" sqref="C47:C51 C158:C166 C75 C118:C122 C124:C126 C138:C156 C135:C136 C87:C93 C168:C169 C42:C44 F42 G43 I42:I43 O42 K43 L42 C85" xr:uid="{C882E19D-E208-4F11-984F-6C86DB954529}">
      <formula1>"□,☑"</formula1>
    </dataValidation>
  </dataValidations>
  <printOptions horizontalCentered="1"/>
  <pageMargins left="0.70866141732283472" right="0.70866141732283472" top="0.41" bottom="0.35" header="0.31496062992125984" footer="0.31496062992125984"/>
  <pageSetup paperSize="9" scale="86" fitToHeight="0" orientation="portrait" blackAndWhite="1" r:id="rId1"/>
  <rowBreaks count="3" manualBreakCount="3">
    <brk id="45" max="17" man="1"/>
    <brk id="94" max="17" man="1"/>
    <brk id="142" max="17" man="1"/>
  </rowBreaks>
  <colBreaks count="1" manualBreakCount="1">
    <brk id="6" max="164"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1号</vt:lpstr>
      <vt:lpstr>'1号'!Print_Area</vt:lpstr>
    </vt:vector>
  </TitlesOfParts>
  <Company>徳島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nrisya</dc:creator>
  <cp:lastModifiedBy>user</cp:lastModifiedBy>
  <cp:lastPrinted>2026-04-02T01:14:41Z</cp:lastPrinted>
  <dcterms:created xsi:type="dcterms:W3CDTF">2015-02-23T07:34:47Z</dcterms:created>
  <dcterms:modified xsi:type="dcterms:W3CDTF">2026-04-02T01:15:16Z</dcterms:modified>
</cp:coreProperties>
</file>